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20219月　ファイル変換（国籍調査HP他）\工業統計調査\大阪市内における工業の概況（平成22年工業統計調査）\"/>
    </mc:Choice>
  </mc:AlternateContent>
  <bookViews>
    <workbookView xWindow="0" yWindow="0" windowWidth="20490" windowHeight="7680"/>
  </bookViews>
  <sheets>
    <sheet name="第2表" sheetId="2" r:id="rId1"/>
  </sheets>
  <definedNames>
    <definedName name="_xlnm._FilterDatabase" localSheetId="0" hidden="1">第2表!$A$7:$T$70</definedName>
    <definedName name="_xlnm.Print_Area" localSheetId="0">第2表!$A$1:$T$196</definedName>
    <definedName name="_xlnm.Print_Titles" localSheetId="0">第2表!$1:$6</definedName>
    <definedName name="Z_D8AB3102_29AE_11D7_B766_00000EFB6109_.wvu.Cols" localSheetId="0" hidden="1">第2表!#REF!,第2表!#REF!,第2表!#REF!,第2表!#REF!,第2表!#REF!</definedName>
    <definedName name="Z_D8AB3102_29AE_11D7_B766_00000EFB6109_.wvu.Rows" localSheetId="0" hidden="1">第2表!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28" uniqueCount="361">
  <si>
    <t>329</t>
  </si>
  <si>
    <t>他に分類されない製造業</t>
  </si>
  <si>
    <t>328</t>
  </si>
  <si>
    <t>畳・傘等生活雑貨製品製造業</t>
  </si>
  <si>
    <t>327</t>
  </si>
  <si>
    <t>X</t>
    <phoneticPr fontId="5"/>
  </si>
  <si>
    <t>漆器製造業</t>
  </si>
  <si>
    <t>326</t>
  </si>
  <si>
    <t>ペン・鉛筆・絵画用品・その他の事務用品製造業</t>
  </si>
  <si>
    <t>325</t>
  </si>
  <si>
    <t>がん具・運動用具製造業</t>
  </si>
  <si>
    <t>324</t>
  </si>
  <si>
    <t>楽器製造業</t>
  </si>
  <si>
    <t>322</t>
  </si>
  <si>
    <t>装身具・装飾品・ボタン・同関連品製造業（貴金属・宝石製を除く)</t>
    <phoneticPr fontId="5"/>
  </si>
  <si>
    <t>321</t>
  </si>
  <si>
    <t>貴金属・宝石製品製造業</t>
  </si>
  <si>
    <t>32</t>
  </si>
  <si>
    <t>その他の製造業</t>
  </si>
  <si>
    <t>319</t>
  </si>
  <si>
    <t>その他の輸送用機械器具製造業</t>
  </si>
  <si>
    <t>315</t>
  </si>
  <si>
    <t>産業用運搬車両・同部分品・附属品製造業</t>
  </si>
  <si>
    <t>314</t>
  </si>
  <si>
    <t>航空機・同附属品製造業</t>
  </si>
  <si>
    <t>313</t>
  </si>
  <si>
    <t>船舶製造・修理業、舶用機関製造業</t>
  </si>
  <si>
    <t>312</t>
  </si>
  <si>
    <t>鉄道車両・同部分品製造業</t>
  </si>
  <si>
    <t>311</t>
  </si>
  <si>
    <t>自動車・同附属品製造業</t>
  </si>
  <si>
    <t>31</t>
  </si>
  <si>
    <t>輸送用機械器具製造業</t>
  </si>
  <si>
    <t>303</t>
  </si>
  <si>
    <t>電子計算機・同附属装置製造業</t>
  </si>
  <si>
    <t>302</t>
  </si>
  <si>
    <t>映像・音響機械器具製造業</t>
  </si>
  <si>
    <t>301</t>
  </si>
  <si>
    <t>通信機械器具・同関連機械器具製造業</t>
  </si>
  <si>
    <t>30</t>
  </si>
  <si>
    <t>情報通信機械器具製造業</t>
  </si>
  <si>
    <t>299</t>
  </si>
  <si>
    <t>その他の電気機械器具製造業</t>
  </si>
  <si>
    <t>297</t>
  </si>
  <si>
    <t>電気計測器製造業</t>
  </si>
  <si>
    <t>296</t>
  </si>
  <si>
    <t>電子応用装置製造業</t>
  </si>
  <si>
    <t>295</t>
  </si>
  <si>
    <t>電池製造業</t>
  </si>
  <si>
    <t>294</t>
  </si>
  <si>
    <t>電球・電気照明器具製造業</t>
  </si>
  <si>
    <t>293</t>
  </si>
  <si>
    <t>民生用電気機械器具製造業</t>
  </si>
  <si>
    <t>292</t>
  </si>
  <si>
    <t>産業用電気機械器具製造業</t>
  </si>
  <si>
    <t>291</t>
  </si>
  <si>
    <t>発電用・送電用・配電用電気機械器具製造業</t>
  </si>
  <si>
    <t>29</t>
  </si>
  <si>
    <t>電気機械器具製造業</t>
  </si>
  <si>
    <t>289</t>
  </si>
  <si>
    <t>その他の電子部品・デバイス・電子回路製造業</t>
  </si>
  <si>
    <t>285</t>
  </si>
  <si>
    <t>ユニット部品製造業</t>
  </si>
  <si>
    <t>284</t>
  </si>
  <si>
    <t>電子回路製造業</t>
  </si>
  <si>
    <t>282</t>
  </si>
  <si>
    <t>電子部品製造業</t>
  </si>
  <si>
    <t>281</t>
  </si>
  <si>
    <t>電子デバイス製造業</t>
  </si>
  <si>
    <t>28</t>
  </si>
  <si>
    <t>電子部品・デバイス・電子回路製造業</t>
  </si>
  <si>
    <t>275</t>
  </si>
  <si>
    <t>光学機械器具・レンズ製造業</t>
  </si>
  <si>
    <t>274</t>
  </si>
  <si>
    <t>医療用機械器具・医療用品製造業</t>
  </si>
  <si>
    <t>273</t>
  </si>
  <si>
    <t>計量器・測定器・分析機器・試験機・測量機械器具・理化学機械器具製造業</t>
    <phoneticPr fontId="5"/>
  </si>
  <si>
    <t>272</t>
  </si>
  <si>
    <t>サービス・娯楽用機械器具製造業</t>
  </si>
  <si>
    <t>271</t>
  </si>
  <si>
    <t>事務用機械器具製造業</t>
  </si>
  <si>
    <t>27</t>
  </si>
  <si>
    <t>業務用機械器具製造業</t>
  </si>
  <si>
    <t>269</t>
  </si>
  <si>
    <t>その他の生産用機械・同部分品製造業</t>
  </si>
  <si>
    <t>267</t>
  </si>
  <si>
    <t>半導体・フラットパネルディスプレイ製造装置製造業</t>
  </si>
  <si>
    <t>266</t>
  </si>
  <si>
    <t>金属加工機械製造業</t>
  </si>
  <si>
    <t>265</t>
  </si>
  <si>
    <t>基礎素材産業用機械製造業</t>
  </si>
  <si>
    <t>264</t>
  </si>
  <si>
    <t>生活関連産業用機械製造業</t>
  </si>
  <si>
    <t>263</t>
  </si>
  <si>
    <t>繊維機械製造業</t>
  </si>
  <si>
    <t>262</t>
  </si>
  <si>
    <t>建設機械・鉱山機械製造業</t>
  </si>
  <si>
    <t>261</t>
  </si>
  <si>
    <t>農業用機械製造業（農業用器具を除く）</t>
  </si>
  <si>
    <t>26</t>
  </si>
  <si>
    <t>生産用機械器具製造業</t>
  </si>
  <si>
    <t>259</t>
  </si>
  <si>
    <t>その他のはん用機械・同部分品製造業</t>
  </si>
  <si>
    <t>253</t>
  </si>
  <si>
    <t>一般産業用機械・装置製造業</t>
  </si>
  <si>
    <t>252</t>
  </si>
  <si>
    <t>ポンプ・圧縮機器製造業</t>
  </si>
  <si>
    <t>251</t>
  </si>
  <si>
    <t>ボイラ・原動機製造業</t>
  </si>
  <si>
    <t>25</t>
  </si>
  <si>
    <t>はん用機械器具製造業</t>
  </si>
  <si>
    <t>249</t>
  </si>
  <si>
    <t>その他の金属製品製造業</t>
  </si>
  <si>
    <t>248</t>
  </si>
  <si>
    <t>ボルト・ナット・リベット・小ねじ・木ねじ等製造業</t>
  </si>
  <si>
    <t>247</t>
  </si>
  <si>
    <t>金属線製品製造業（ねじ類を除く)</t>
  </si>
  <si>
    <t>246</t>
  </si>
  <si>
    <t>金属被覆・彫刻業、熱処理業（ほうろう鉄器を除く）</t>
  </si>
  <si>
    <t>245</t>
  </si>
  <si>
    <t>金属素形材製品製造業</t>
  </si>
  <si>
    <t>244</t>
  </si>
  <si>
    <t>建設用・建築用金属製品製造業（製缶板金業を含む)</t>
  </si>
  <si>
    <t>243</t>
  </si>
  <si>
    <t>暖房装置・配管工事用附属品製造業</t>
  </si>
  <si>
    <t>242</t>
  </si>
  <si>
    <t>洋食器・刃物・手道具・金物類製造業</t>
  </si>
  <si>
    <t>241</t>
  </si>
  <si>
    <t>ブリキ缶・その他のめっき板等製品製造業</t>
  </si>
  <si>
    <t>24</t>
  </si>
  <si>
    <t>金属製品製造業</t>
  </si>
  <si>
    <t>239</t>
  </si>
  <si>
    <t>その他の非鉄金属製造業</t>
  </si>
  <si>
    <t>235</t>
  </si>
  <si>
    <t>非鉄金属素形材製造業</t>
  </si>
  <si>
    <t>234</t>
  </si>
  <si>
    <t>電線・ケーブル製造業</t>
  </si>
  <si>
    <t>233</t>
  </si>
  <si>
    <t>非鉄金属・同合金圧延業（抽伸，押出しを含む）</t>
  </si>
  <si>
    <t>232</t>
  </si>
  <si>
    <t>非鉄金属第２次製錬・精製業（非鉄金属合金製造業を含む）</t>
  </si>
  <si>
    <t>231</t>
  </si>
  <si>
    <t>非鉄金属第１次製錬・精製業</t>
  </si>
  <si>
    <t>23</t>
  </si>
  <si>
    <t>非鉄金属製造業</t>
  </si>
  <si>
    <t>229</t>
  </si>
  <si>
    <t>その他の鉄鋼業</t>
  </si>
  <si>
    <t>225</t>
  </si>
  <si>
    <t>鉄素形材製造業</t>
  </si>
  <si>
    <t>224</t>
  </si>
  <si>
    <t>表面処理鋼材製造業</t>
  </si>
  <si>
    <t>223</t>
  </si>
  <si>
    <t>製鋼を行わない鋼材製造業（表面処理鋼材を除く）</t>
  </si>
  <si>
    <t>222</t>
  </si>
  <si>
    <t>製鋼・製鋼圧延業</t>
  </si>
  <si>
    <t>22</t>
  </si>
  <si>
    <t>鉄鋼業</t>
  </si>
  <si>
    <t>219</t>
  </si>
  <si>
    <t>その他の窯業・土石製品製造業</t>
  </si>
  <si>
    <t>218</t>
  </si>
  <si>
    <t>骨材・石工品等製造業</t>
  </si>
  <si>
    <t>217</t>
  </si>
  <si>
    <t>研磨材・同製品製造業</t>
  </si>
  <si>
    <t>216</t>
  </si>
  <si>
    <t>炭素・黒鉛製品製造業</t>
  </si>
  <si>
    <t>215</t>
  </si>
  <si>
    <t>耐火物製造業</t>
  </si>
  <si>
    <t>214</t>
  </si>
  <si>
    <t>陶磁器・同関連製品製造業</t>
  </si>
  <si>
    <t>212</t>
  </si>
  <si>
    <t>セメント・同製品製造業</t>
  </si>
  <si>
    <t>211</t>
  </si>
  <si>
    <t>ガラス・同製品製造業</t>
  </si>
  <si>
    <t>21</t>
  </si>
  <si>
    <t>窯業・土石製品製造業</t>
  </si>
  <si>
    <t>209</t>
  </si>
  <si>
    <t>その他のなめし革製品製造業</t>
  </si>
  <si>
    <t>207</t>
  </si>
  <si>
    <t>袋物製造業</t>
  </si>
  <si>
    <t>206</t>
  </si>
  <si>
    <t>かばん製造業</t>
  </si>
  <si>
    <t>204</t>
  </si>
  <si>
    <t>革製履物製造業</t>
  </si>
  <si>
    <t>203</t>
  </si>
  <si>
    <t>革製履物用材料・同附属品製造業</t>
  </si>
  <si>
    <t>201</t>
  </si>
  <si>
    <t>なめし革製造業</t>
  </si>
  <si>
    <t>20</t>
  </si>
  <si>
    <t>なめし革・同製品・毛皮製造業</t>
  </si>
  <si>
    <t>199</t>
  </si>
  <si>
    <t>その他のゴム製品製造業</t>
  </si>
  <si>
    <t>193</t>
  </si>
  <si>
    <t>ゴムベルト・ゴムホース・工業用ゴム製品製造業</t>
  </si>
  <si>
    <t>192</t>
  </si>
  <si>
    <t>ゴム製・プラスチック製履物・同附属品製造業</t>
  </si>
  <si>
    <t>191</t>
  </si>
  <si>
    <t>タイヤ・チューブ製造業</t>
  </si>
  <si>
    <t>19</t>
  </si>
  <si>
    <t>ゴム製品製造業</t>
  </si>
  <si>
    <t>189</t>
  </si>
  <si>
    <t>その他のプラスチック製品製造業</t>
  </si>
  <si>
    <t>185</t>
  </si>
  <si>
    <t>プラスチック成形材料製造業（廃プラスチックを含む）</t>
  </si>
  <si>
    <t>184</t>
  </si>
  <si>
    <t>発泡・強化プラスチック製品製造業</t>
  </si>
  <si>
    <t>183</t>
  </si>
  <si>
    <t>工業用プラスチック製品製造業</t>
  </si>
  <si>
    <t>182</t>
  </si>
  <si>
    <t>プラスチックフィルム・シート・床材・合成皮革製造業</t>
  </si>
  <si>
    <t>181</t>
  </si>
  <si>
    <t>プラスチック板・棒・管・継手・異形押出製品製造業</t>
  </si>
  <si>
    <t>18</t>
  </si>
  <si>
    <t>プラスチック製品製造業（別掲を除く）</t>
  </si>
  <si>
    <t>179</t>
  </si>
  <si>
    <t>その他の石油製品・石炭製品製造業</t>
  </si>
  <si>
    <t>174</t>
  </si>
  <si>
    <t>舗装材料製造業</t>
  </si>
  <si>
    <t>172</t>
  </si>
  <si>
    <t>潤滑油・グリース製造業（石油精製業によらないもの）</t>
  </si>
  <si>
    <t>17</t>
  </si>
  <si>
    <t>石油製品・石炭製品製造業</t>
  </si>
  <si>
    <t>169</t>
  </si>
  <si>
    <t>その他の化学工業</t>
  </si>
  <si>
    <t>166</t>
  </si>
  <si>
    <t>化粧品・歯磨・その他の化粧用調整品製造業</t>
  </si>
  <si>
    <t>165</t>
  </si>
  <si>
    <t>医薬品製造業</t>
  </si>
  <si>
    <t>164</t>
  </si>
  <si>
    <t>油脂加工製品・石けん・合成洗剤・界面活性剤・塗料製造業</t>
  </si>
  <si>
    <t>163</t>
  </si>
  <si>
    <t>有機化学工業製品製造業</t>
  </si>
  <si>
    <t>162</t>
  </si>
  <si>
    <t>無機化学工業製品製造業</t>
  </si>
  <si>
    <t>161</t>
  </si>
  <si>
    <t>化学肥料製造業</t>
  </si>
  <si>
    <t>16</t>
  </si>
  <si>
    <t>化学工業</t>
  </si>
  <si>
    <t>159</t>
  </si>
  <si>
    <t>印刷関連サービス業</t>
  </si>
  <si>
    <t>153</t>
  </si>
  <si>
    <t>製本業、印刷物加工業</t>
  </si>
  <si>
    <t>152</t>
  </si>
  <si>
    <t>製版業</t>
  </si>
  <si>
    <t>151</t>
  </si>
  <si>
    <t>印刷業</t>
  </si>
  <si>
    <t>15</t>
  </si>
  <si>
    <t>印刷・同関連業</t>
  </si>
  <si>
    <t>149</t>
  </si>
  <si>
    <t>その他のパルプ・紙・紙加工品製造業</t>
  </si>
  <si>
    <t>145</t>
  </si>
  <si>
    <t>紙製容器製造業</t>
  </si>
  <si>
    <t>144</t>
  </si>
  <si>
    <t>紙製品製造業</t>
  </si>
  <si>
    <t>143</t>
  </si>
  <si>
    <t>加工紙製造業</t>
  </si>
  <si>
    <t>142</t>
  </si>
  <si>
    <t>紙製造業</t>
  </si>
  <si>
    <t>14</t>
  </si>
  <si>
    <t>パルプ・紙・紙加工品製造業</t>
  </si>
  <si>
    <t>139</t>
  </si>
  <si>
    <t>その他の家具・装備品製造業</t>
  </si>
  <si>
    <t>133</t>
  </si>
  <si>
    <t>建具製造業</t>
  </si>
  <si>
    <t>132</t>
  </si>
  <si>
    <t>宗教用具製造業</t>
  </si>
  <si>
    <t>131</t>
  </si>
  <si>
    <t>家具製造業</t>
  </si>
  <si>
    <t>13</t>
  </si>
  <si>
    <t>家具・装備品製造業</t>
  </si>
  <si>
    <t>129</t>
  </si>
  <si>
    <t>その他の木製品製造業(竹，とうを含む)</t>
  </si>
  <si>
    <t>123</t>
  </si>
  <si>
    <t>木製容器製造業（竹，とうを含む）</t>
  </si>
  <si>
    <t>122</t>
  </si>
  <si>
    <t>造作材・合板・建築用組立材料製造業</t>
  </si>
  <si>
    <t>121</t>
  </si>
  <si>
    <t>製材業、木製品製造業</t>
  </si>
  <si>
    <t>12</t>
  </si>
  <si>
    <t>木材・木製品製造業（家具を除く）</t>
  </si>
  <si>
    <t>119</t>
  </si>
  <si>
    <t>その他の繊維製品製造業</t>
  </si>
  <si>
    <t>118</t>
  </si>
  <si>
    <t>和装製品・その他の衣服・繊維製身の回り品製造業</t>
  </si>
  <si>
    <t>117</t>
  </si>
  <si>
    <t>下着類製造業</t>
  </si>
  <si>
    <t>116</t>
  </si>
  <si>
    <t>外衣・シャツ製造業（和式を除く）</t>
  </si>
  <si>
    <t>115</t>
  </si>
  <si>
    <t>綱・網・レース・繊維粗製品製造業</t>
  </si>
  <si>
    <t>114</t>
  </si>
  <si>
    <t>染色整理業</t>
  </si>
  <si>
    <t>113</t>
  </si>
  <si>
    <t>ニット生地製造業</t>
  </si>
  <si>
    <t>112</t>
  </si>
  <si>
    <t>織物業</t>
  </si>
  <si>
    <t>111</t>
  </si>
  <si>
    <t>製糸業、紡績業、化学繊維・ねん糸等製造業</t>
  </si>
  <si>
    <t>11</t>
  </si>
  <si>
    <t>繊維工業</t>
  </si>
  <si>
    <t>106</t>
  </si>
  <si>
    <t>飼料・有機質肥料製造業</t>
  </si>
  <si>
    <t>104</t>
  </si>
  <si>
    <t>製氷業</t>
  </si>
  <si>
    <t>103</t>
  </si>
  <si>
    <t>茶・コーヒー製造業（清涼飲料を除く）</t>
  </si>
  <si>
    <t>102</t>
  </si>
  <si>
    <t>酒類製造業</t>
  </si>
  <si>
    <t>101</t>
  </si>
  <si>
    <t>清涼飲料製造業</t>
  </si>
  <si>
    <t>10</t>
  </si>
  <si>
    <t>飲料・たばこ・飼料製造業</t>
  </si>
  <si>
    <t>099</t>
  </si>
  <si>
    <t>その他の食料品製造業</t>
  </si>
  <si>
    <t>098</t>
  </si>
  <si>
    <t>動植物油脂製造業</t>
  </si>
  <si>
    <t>097</t>
  </si>
  <si>
    <t>パン・菓子製造業</t>
  </si>
  <si>
    <t>096</t>
  </si>
  <si>
    <t>精穀・製粉業</t>
  </si>
  <si>
    <t>095</t>
  </si>
  <si>
    <t>糖類製造業</t>
  </si>
  <si>
    <t>094</t>
  </si>
  <si>
    <t>調味料製造業</t>
  </si>
  <si>
    <t>093</t>
  </si>
  <si>
    <t>野菜缶詰・果実缶詰・農産保存食料品製造業</t>
  </si>
  <si>
    <t>092</t>
  </si>
  <si>
    <t>水産食料品製造業</t>
  </si>
  <si>
    <t>091</t>
  </si>
  <si>
    <t>畜産食料品製造業</t>
  </si>
  <si>
    <t>09</t>
  </si>
  <si>
    <t>食料品製造業</t>
  </si>
  <si>
    <t>総数</t>
    <rPh sb="0" eb="2">
      <t>ソウスウ</t>
    </rPh>
    <phoneticPr fontId="5"/>
  </si>
  <si>
    <t>総数</t>
    <rPh sb="0" eb="1">
      <t>フサ</t>
    </rPh>
    <rPh sb="1" eb="2">
      <t>カズ</t>
    </rPh>
    <phoneticPr fontId="5"/>
  </si>
  <si>
    <t>女</t>
  </si>
  <si>
    <t>男</t>
  </si>
  <si>
    <t>年間投資総額</t>
  </si>
  <si>
    <t>付加価値額</t>
    <phoneticPr fontId="5"/>
  </si>
  <si>
    <t>その他
収入額</t>
  </si>
  <si>
    <t>転　売
収入額</t>
    <rPh sb="0" eb="1">
      <t>テン</t>
    </rPh>
    <rPh sb="2" eb="3">
      <t>バイ</t>
    </rPh>
    <phoneticPr fontId="5"/>
  </si>
  <si>
    <t>修理料
収入額</t>
  </si>
  <si>
    <t>加工賃
収入額</t>
  </si>
  <si>
    <t>製造品
出荷額</t>
  </si>
  <si>
    <t>総   額</t>
  </si>
  <si>
    <t>個人事業主及び
無給家族従業者</t>
    <rPh sb="0" eb="2">
      <t>コジン</t>
    </rPh>
    <rPh sb="2" eb="5">
      <t>ジギョウヌシ</t>
    </rPh>
    <rPh sb="5" eb="6">
      <t>オヨ</t>
    </rPh>
    <rPh sb="8" eb="10">
      <t>ムキュウ</t>
    </rPh>
    <rPh sb="10" eb="12">
      <t>カゾク</t>
    </rPh>
    <rPh sb="12" eb="15">
      <t>ジュウギョウシャ</t>
    </rPh>
    <phoneticPr fontId="5"/>
  </si>
  <si>
    <t>常用労働者</t>
  </si>
  <si>
    <t>総数</t>
  </si>
  <si>
    <t>産業
分類</t>
    <rPh sb="0" eb="2">
      <t>サンギョウ</t>
    </rPh>
    <rPh sb="3" eb="5">
      <t>ブンルイ</t>
    </rPh>
    <phoneticPr fontId="5"/>
  </si>
  <si>
    <t>従業者３０人以上の事業所</t>
    <rPh sb="0" eb="3">
      <t>ジュウギョウシャ</t>
    </rPh>
    <rPh sb="5" eb="8">
      <t>ニンイジョウ</t>
    </rPh>
    <rPh sb="9" eb="12">
      <t>ジギョウショ</t>
    </rPh>
    <phoneticPr fontId="5"/>
  </si>
  <si>
    <t>内国消
費税額</t>
    <phoneticPr fontId="5"/>
  </si>
  <si>
    <t>製 造 品 出 荷 額 等</t>
    <phoneticPr fontId="5"/>
  </si>
  <si>
    <t>原材料使用額等</t>
  </si>
  <si>
    <t>現金給与総額</t>
  </si>
  <si>
    <t>従 　業 　者 　数</t>
    <rPh sb="0" eb="1">
      <t>ジュウ</t>
    </rPh>
    <rPh sb="3" eb="4">
      <t>ギョウ</t>
    </rPh>
    <rPh sb="6" eb="7">
      <t>モノ</t>
    </rPh>
    <rPh sb="9" eb="10">
      <t>スウ</t>
    </rPh>
    <phoneticPr fontId="5"/>
  </si>
  <si>
    <t>事業所数</t>
    <phoneticPr fontId="5"/>
  </si>
  <si>
    <t>産   業   分   類</t>
    <rPh sb="0" eb="1">
      <t>サン</t>
    </rPh>
    <rPh sb="4" eb="5">
      <t>ギョウ</t>
    </rPh>
    <rPh sb="8" eb="9">
      <t>ブン</t>
    </rPh>
    <rPh sb="12" eb="13">
      <t>タグイ</t>
    </rPh>
    <phoneticPr fontId="5"/>
  </si>
  <si>
    <t>(単位：金額１万円）</t>
    <rPh sb="1" eb="3">
      <t>タンイ</t>
    </rPh>
    <rPh sb="4" eb="6">
      <t>キンガク</t>
    </rPh>
    <rPh sb="7" eb="9">
      <t>マンエン</t>
    </rPh>
    <phoneticPr fontId="5"/>
  </si>
  <si>
    <t>　以　上　事　業　所　）</t>
    <rPh sb="1" eb="2">
      <t>イ</t>
    </rPh>
    <rPh sb="3" eb="4">
      <t>ジョウ</t>
    </rPh>
    <rPh sb="5" eb="6">
      <t>コト</t>
    </rPh>
    <rPh sb="7" eb="8">
      <t>ギョウ</t>
    </rPh>
    <rPh sb="9" eb="10">
      <t>ショ</t>
    </rPh>
    <phoneticPr fontId="6"/>
  </si>
  <si>
    <t>（ 従　業　者　４　人</t>
    <rPh sb="2" eb="3">
      <t>ジュウ</t>
    </rPh>
    <rPh sb="4" eb="5">
      <t>ギョウ</t>
    </rPh>
    <rPh sb="6" eb="7">
      <t>シャ</t>
    </rPh>
    <phoneticPr fontId="6"/>
  </si>
  <si>
    <t>第２表</t>
    <rPh sb="0" eb="1">
      <t>ダイ</t>
    </rPh>
    <rPh sb="2" eb="3">
      <t>ヒョウ</t>
    </rPh>
    <phoneticPr fontId="5"/>
  </si>
  <si>
    <t>の　産　業　分　類　別　概　況</t>
    <rPh sb="2" eb="3">
      <t>サン</t>
    </rPh>
    <rPh sb="4" eb="5">
      <t>ギョウ</t>
    </rPh>
    <rPh sb="6" eb="7">
      <t>ブン</t>
    </rPh>
    <rPh sb="8" eb="9">
      <t>タグイ</t>
    </rPh>
    <rPh sb="10" eb="11">
      <t>ベツ</t>
    </rPh>
    <rPh sb="12" eb="13">
      <t>オオムネ</t>
    </rPh>
    <rPh sb="14" eb="15">
      <t>イワン</t>
    </rPh>
    <phoneticPr fontId="5"/>
  </si>
  <si>
    <t>大　阪　市　に　お　け　る　工　業</t>
    <rPh sb="0" eb="1">
      <t>ダイ</t>
    </rPh>
    <rPh sb="2" eb="3">
      <t>サカ</t>
    </rPh>
    <rPh sb="4" eb="5">
      <t>シ</t>
    </rPh>
    <rPh sb="14" eb="15">
      <t>タクミ</t>
    </rPh>
    <rPh sb="16" eb="17">
      <t>ギョ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14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7.5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7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7.5"/>
      <name val="ＭＳ ゴシック"/>
      <family val="3"/>
      <charset val="128"/>
    </font>
    <font>
      <sz val="7"/>
      <name val="ＭＳ ゴシック"/>
      <family val="3"/>
      <charset val="128"/>
    </font>
    <font>
      <sz val="5"/>
      <name val="ＭＳ 明朝"/>
      <family val="1"/>
      <charset val="128"/>
    </font>
    <font>
      <sz val="8"/>
      <name val="ＭＳ 明朝"/>
      <family val="1"/>
      <charset val="128"/>
    </font>
    <font>
      <sz val="14"/>
      <name val="ＭＳ 明朝"/>
      <family val="1"/>
      <charset val="128"/>
    </font>
    <font>
      <sz val="12"/>
      <name val="ＭＳ 明朝"/>
      <family val="1"/>
      <charset val="128"/>
    </font>
    <font>
      <sz val="8.5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/>
      <top/>
      <bottom style="double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</cellStyleXfs>
  <cellXfs count="86">
    <xf numFmtId="0" fontId="0" fillId="0" borderId="0" xfId="0">
      <alignment vertical="center"/>
    </xf>
    <xf numFmtId="0" fontId="2" fillId="0" borderId="0" xfId="1" applyFont="1" applyFill="1"/>
    <xf numFmtId="0" fontId="2" fillId="0" borderId="0" xfId="1" applyFont="1" applyFill="1" applyAlignment="1">
      <alignment horizontal="right"/>
    </xf>
    <xf numFmtId="38" fontId="2" fillId="0" borderId="0" xfId="2" applyFont="1" applyFill="1"/>
    <xf numFmtId="38" fontId="2" fillId="0" borderId="0" xfId="2" applyFont="1" applyFill="1" applyAlignment="1">
      <alignment horizontal="right"/>
    </xf>
    <xf numFmtId="0" fontId="2" fillId="0" borderId="0" xfId="2" applyNumberFormat="1" applyFont="1" applyFill="1" applyAlignment="1">
      <alignment horizontal="right"/>
    </xf>
    <xf numFmtId="0" fontId="2" fillId="0" borderId="0" xfId="1" applyFont="1" applyFill="1" applyAlignment="1">
      <alignment horizontal="left" vertical="center"/>
    </xf>
    <xf numFmtId="41" fontId="2" fillId="0" borderId="0" xfId="2" applyNumberFormat="1" applyFont="1" applyFill="1" applyAlignment="1">
      <alignment horizontal="right"/>
    </xf>
    <xf numFmtId="41" fontId="2" fillId="0" borderId="0" xfId="2" applyNumberFormat="1" applyFont="1" applyFill="1"/>
    <xf numFmtId="49" fontId="2" fillId="0" borderId="1" xfId="1" applyNumberFormat="1" applyFont="1" applyFill="1" applyBorder="1" applyAlignment="1">
      <alignment horizontal="center"/>
    </xf>
    <xf numFmtId="41" fontId="2" fillId="0" borderId="2" xfId="2" applyNumberFormat="1" applyFont="1" applyFill="1" applyBorder="1" applyAlignment="1">
      <alignment horizontal="right"/>
    </xf>
    <xf numFmtId="0" fontId="4" fillId="0" borderId="3" xfId="1" applyFont="1" applyFill="1" applyBorder="1" applyAlignment="1">
      <alignment horizontal="distributed"/>
    </xf>
    <xf numFmtId="49" fontId="4" fillId="0" borderId="4" xfId="1" applyNumberFormat="1" applyFont="1" applyFill="1" applyBorder="1"/>
    <xf numFmtId="49" fontId="2" fillId="0" borderId="0" xfId="1" applyNumberFormat="1" applyFont="1" applyFill="1" applyAlignment="1">
      <alignment horizontal="center"/>
    </xf>
    <xf numFmtId="41" fontId="2" fillId="0" borderId="5" xfId="2" applyNumberFormat="1" applyFont="1" applyFill="1" applyBorder="1" applyAlignment="1">
      <alignment horizontal="right"/>
    </xf>
    <xf numFmtId="0" fontId="4" fillId="0" borderId="0" xfId="1" applyFont="1" applyFill="1" applyAlignment="1">
      <alignment horizontal="distributed"/>
    </xf>
    <xf numFmtId="49" fontId="4" fillId="0" borderId="0" xfId="1" applyNumberFormat="1" applyFont="1" applyFill="1"/>
    <xf numFmtId="0" fontId="6" fillId="0" borderId="0" xfId="1" applyFont="1" applyFill="1" applyAlignment="1">
      <alignment horizontal="distributed"/>
    </xf>
    <xf numFmtId="0" fontId="7" fillId="0" borderId="0" xfId="1" applyFont="1" applyFill="1"/>
    <xf numFmtId="49" fontId="7" fillId="0" borderId="0" xfId="1" applyNumberFormat="1" applyFont="1" applyFill="1" applyAlignment="1">
      <alignment horizontal="center"/>
    </xf>
    <xf numFmtId="41" fontId="7" fillId="0" borderId="5" xfId="2" applyNumberFormat="1" applyFont="1" applyFill="1" applyBorder="1" applyAlignment="1">
      <alignment horizontal="right"/>
    </xf>
    <xf numFmtId="0" fontId="8" fillId="0" borderId="0" xfId="1" applyFont="1" applyFill="1" applyAlignment="1">
      <alignment horizontal="distributed"/>
    </xf>
    <xf numFmtId="49" fontId="8" fillId="0" borderId="0" xfId="1" applyNumberFormat="1" applyFont="1" applyFill="1"/>
    <xf numFmtId="41" fontId="2" fillId="0" borderId="5" xfId="2" applyNumberFormat="1" applyFont="1" applyFill="1" applyBorder="1" applyAlignment="1">
      <alignment vertical="center"/>
    </xf>
    <xf numFmtId="41" fontId="2" fillId="0" borderId="5" xfId="2" applyNumberFormat="1" applyFont="1" applyFill="1" applyBorder="1" applyAlignment="1">
      <alignment horizontal="right" vertical="center"/>
    </xf>
    <xf numFmtId="0" fontId="9" fillId="0" borderId="0" xfId="1" applyFont="1" applyFill="1" applyAlignment="1">
      <alignment horizontal="distributed"/>
    </xf>
    <xf numFmtId="49" fontId="2" fillId="0" borderId="0" xfId="1" applyNumberFormat="1" applyFont="1" applyFill="1" applyBorder="1" applyAlignment="1">
      <alignment horizontal="center"/>
    </xf>
    <xf numFmtId="0" fontId="4" fillId="0" borderId="0" xfId="1" applyFont="1" applyFill="1" applyBorder="1" applyAlignment="1">
      <alignment horizontal="distributed"/>
    </xf>
    <xf numFmtId="49" fontId="4" fillId="0" borderId="0" xfId="1" applyNumberFormat="1" applyFont="1" applyFill="1" applyBorder="1"/>
    <xf numFmtId="49" fontId="2" fillId="0" borderId="6" xfId="1" applyNumberFormat="1" applyFont="1" applyFill="1" applyBorder="1" applyAlignment="1">
      <alignment horizontal="center"/>
    </xf>
    <xf numFmtId="0" fontId="4" fillId="0" borderId="7" xfId="1" applyFont="1" applyFill="1" applyBorder="1" applyAlignment="1">
      <alignment horizontal="distributed"/>
    </xf>
    <xf numFmtId="49" fontId="7" fillId="0" borderId="0" xfId="1" applyNumberFormat="1" applyFont="1" applyFill="1" applyBorder="1" applyAlignment="1">
      <alignment horizontal="center"/>
    </xf>
    <xf numFmtId="0" fontId="8" fillId="0" borderId="0" xfId="1" applyFont="1" applyFill="1" applyBorder="1" applyAlignment="1">
      <alignment horizontal="distributed"/>
    </xf>
    <xf numFmtId="49" fontId="8" fillId="0" borderId="0" xfId="1" applyNumberFormat="1" applyFont="1" applyFill="1" applyBorder="1"/>
    <xf numFmtId="49" fontId="2" fillId="0" borderId="4" xfId="1" applyNumberFormat="1" applyFont="1" applyFill="1" applyBorder="1" applyAlignment="1">
      <alignment horizontal="center"/>
    </xf>
    <xf numFmtId="0" fontId="4" fillId="0" borderId="4" xfId="1" applyFont="1" applyFill="1" applyBorder="1" applyAlignment="1">
      <alignment horizontal="distributed"/>
    </xf>
    <xf numFmtId="41" fontId="7" fillId="0" borderId="0" xfId="1" applyNumberFormat="1" applyFont="1" applyFill="1" applyBorder="1" applyAlignment="1">
      <alignment horizontal="center"/>
    </xf>
    <xf numFmtId="0" fontId="7" fillId="0" borderId="0" xfId="1" applyFont="1" applyFill="1" applyBorder="1" applyAlignment="1">
      <alignment horizontal="center"/>
    </xf>
    <xf numFmtId="41" fontId="7" fillId="0" borderId="8" xfId="1" applyNumberFormat="1" applyFont="1" applyFill="1" applyBorder="1" applyAlignment="1">
      <alignment horizontal="center"/>
    </xf>
    <xf numFmtId="41" fontId="7" fillId="0" borderId="9" xfId="2" applyNumberFormat="1" applyFont="1" applyFill="1" applyBorder="1" applyAlignment="1">
      <alignment horizontal="right"/>
    </xf>
    <xf numFmtId="0" fontId="7" fillId="0" borderId="10" xfId="1" applyFont="1" applyFill="1" applyBorder="1" applyAlignment="1">
      <alignment horizontal="distributed"/>
    </xf>
    <xf numFmtId="0" fontId="7" fillId="0" borderId="11" xfId="1" applyFont="1" applyFill="1" applyBorder="1" applyAlignment="1">
      <alignment horizontal="distributed"/>
    </xf>
    <xf numFmtId="0" fontId="2" fillId="0" borderId="0" xfId="1" applyFont="1" applyFill="1" applyAlignment="1">
      <alignment horizontal="center" vertical="center"/>
    </xf>
    <xf numFmtId="0" fontId="2" fillId="0" borderId="1" xfId="1" applyFont="1" applyFill="1" applyBorder="1" applyAlignment="1">
      <alignment horizontal="center" vertical="center" wrapText="1"/>
    </xf>
    <xf numFmtId="38" fontId="2" fillId="0" borderId="2" xfId="2" applyFont="1" applyFill="1" applyBorder="1" applyAlignment="1">
      <alignment horizontal="center" vertical="center"/>
    </xf>
    <xf numFmtId="38" fontId="2" fillId="0" borderId="2" xfId="2" applyFont="1" applyFill="1" applyBorder="1" applyAlignment="1">
      <alignment horizontal="center" vertical="center" wrapText="1"/>
    </xf>
    <xf numFmtId="38" fontId="2" fillId="0" borderId="12" xfId="2" applyFont="1" applyFill="1" applyBorder="1" applyAlignment="1">
      <alignment horizontal="center" vertical="center"/>
    </xf>
    <xf numFmtId="0" fontId="2" fillId="0" borderId="12" xfId="2" applyNumberFormat="1" applyFont="1" applyFill="1" applyBorder="1" applyAlignment="1">
      <alignment horizontal="center" vertical="center"/>
    </xf>
    <xf numFmtId="0" fontId="2" fillId="0" borderId="3" xfId="1" applyFont="1" applyFill="1" applyBorder="1" applyAlignment="1">
      <alignment horizontal="center" vertical="center"/>
    </xf>
    <xf numFmtId="0" fontId="2" fillId="0" borderId="4" xfId="1" applyFont="1" applyFill="1" applyBorder="1" applyAlignment="1">
      <alignment horizontal="center" vertical="center"/>
    </xf>
    <xf numFmtId="0" fontId="2" fillId="0" borderId="0" xfId="1" applyFont="1" applyFill="1" applyAlignment="1">
      <alignment vertical="center"/>
    </xf>
    <xf numFmtId="0" fontId="2" fillId="0" borderId="6" xfId="1" applyFont="1" applyFill="1" applyBorder="1" applyAlignment="1">
      <alignment horizontal="center" vertical="center" wrapText="1"/>
    </xf>
    <xf numFmtId="38" fontId="2" fillId="0" borderId="9" xfId="2" applyFont="1" applyFill="1" applyBorder="1" applyAlignment="1">
      <alignment horizontal="center" vertical="center"/>
    </xf>
    <xf numFmtId="38" fontId="2" fillId="0" borderId="9" xfId="2" applyFont="1" applyFill="1" applyBorder="1" applyAlignment="1">
      <alignment horizontal="center" vertical="center" wrapText="1"/>
    </xf>
    <xf numFmtId="38" fontId="2" fillId="0" borderId="5" xfId="2" applyFont="1" applyFill="1" applyBorder="1" applyAlignment="1">
      <alignment horizontal="center" vertical="center"/>
    </xf>
    <xf numFmtId="38" fontId="2" fillId="0" borderId="13" xfId="2" applyFont="1" applyFill="1" applyBorder="1" applyAlignment="1">
      <alignment horizontal="center" vertical="center" wrapText="1"/>
    </xf>
    <xf numFmtId="38" fontId="2" fillId="0" borderId="14" xfId="2" applyFont="1" applyFill="1" applyBorder="1" applyAlignment="1">
      <alignment horizontal="center" vertical="center" wrapText="1"/>
    </xf>
    <xf numFmtId="38" fontId="2" fillId="0" borderId="13" xfId="2" applyFont="1" applyFill="1" applyBorder="1" applyAlignment="1">
      <alignment horizontal="center" vertical="center"/>
    </xf>
    <xf numFmtId="38" fontId="2" fillId="0" borderId="14" xfId="2" applyFont="1" applyFill="1" applyBorder="1" applyAlignment="1">
      <alignment horizontal="center" vertical="center"/>
    </xf>
    <xf numFmtId="0" fontId="2" fillId="0" borderId="7" xfId="1" applyFont="1" applyFill="1" applyBorder="1" applyAlignment="1">
      <alignment horizontal="center" vertical="center"/>
    </xf>
    <xf numFmtId="0" fontId="2" fillId="0" borderId="0" xfId="1" applyFont="1" applyFill="1" applyBorder="1" applyAlignment="1">
      <alignment horizontal="center" vertical="center"/>
    </xf>
    <xf numFmtId="0" fontId="10" fillId="0" borderId="0" xfId="1" applyFont="1" applyFill="1" applyAlignment="1">
      <alignment vertical="center"/>
    </xf>
    <xf numFmtId="0" fontId="2" fillId="0" borderId="15" xfId="1" applyFont="1" applyFill="1" applyBorder="1" applyAlignment="1">
      <alignment horizontal="center" vertical="center" wrapText="1"/>
    </xf>
    <xf numFmtId="38" fontId="10" fillId="0" borderId="16" xfId="2" applyFont="1" applyFill="1" applyBorder="1" applyAlignment="1">
      <alignment horizontal="center" vertical="center"/>
    </xf>
    <xf numFmtId="38" fontId="10" fillId="0" borderId="17" xfId="2" applyFont="1" applyFill="1" applyBorder="1" applyAlignment="1">
      <alignment horizontal="center" vertical="center"/>
    </xf>
    <xf numFmtId="38" fontId="2" fillId="0" borderId="18" xfId="2" applyFont="1" applyFill="1" applyBorder="1" applyAlignment="1">
      <alignment horizontal="center" vertical="center" wrapText="1"/>
    </xf>
    <xf numFmtId="38" fontId="10" fillId="0" borderId="19" xfId="2" applyFont="1" applyFill="1" applyBorder="1" applyAlignment="1">
      <alignment horizontal="center" vertical="center"/>
    </xf>
    <xf numFmtId="38" fontId="2" fillId="0" borderId="18" xfId="2" applyFont="1" applyFill="1" applyBorder="1" applyAlignment="1">
      <alignment horizontal="center" vertical="center"/>
    </xf>
    <xf numFmtId="0" fontId="2" fillId="0" borderId="20" xfId="1" applyFont="1" applyFill="1" applyBorder="1" applyAlignment="1">
      <alignment horizontal="center" vertical="center"/>
    </xf>
    <xf numFmtId="0" fontId="2" fillId="0" borderId="21" xfId="1" applyFont="1" applyFill="1" applyBorder="1" applyAlignment="1">
      <alignment horizontal="center" vertical="center"/>
    </xf>
    <xf numFmtId="0" fontId="2" fillId="0" borderId="22" xfId="1" applyFont="1" applyFill="1" applyBorder="1" applyAlignment="1">
      <alignment horizontal="right"/>
    </xf>
    <xf numFmtId="38" fontId="2" fillId="0" borderId="22" xfId="2" applyFont="1" applyFill="1" applyBorder="1"/>
    <xf numFmtId="0" fontId="2" fillId="0" borderId="22" xfId="1" applyFont="1" applyFill="1" applyBorder="1"/>
    <xf numFmtId="0" fontId="2" fillId="0" borderId="22" xfId="2" applyNumberFormat="1" applyFont="1" applyFill="1" applyBorder="1" applyAlignment="1">
      <alignment horizontal="right"/>
    </xf>
    <xf numFmtId="38" fontId="2" fillId="0" borderId="22" xfId="2" applyFont="1" applyFill="1" applyBorder="1" applyAlignment="1"/>
    <xf numFmtId="0" fontId="2" fillId="0" borderId="22" xfId="1" applyFont="1" applyFill="1" applyBorder="1" applyAlignment="1">
      <alignment horizontal="left"/>
    </xf>
    <xf numFmtId="0" fontId="11" fillId="0" borderId="0" xfId="1" applyFont="1" applyFill="1"/>
    <xf numFmtId="0" fontId="11" fillId="0" borderId="0" xfId="1" applyFont="1" applyFill="1" applyAlignment="1">
      <alignment horizontal="left" vertical="center"/>
    </xf>
    <xf numFmtId="0" fontId="11" fillId="0" borderId="0" xfId="1" applyFont="1" applyFill="1" applyBorder="1" applyAlignment="1">
      <alignment horizontal="left" vertical="center"/>
    </xf>
    <xf numFmtId="41" fontId="12" fillId="0" borderId="0" xfId="1" applyNumberFormat="1" applyFont="1" applyFill="1" applyAlignment="1">
      <alignment horizontal="left" vertical="center"/>
    </xf>
    <xf numFmtId="41" fontId="12" fillId="0" borderId="0" xfId="1" applyNumberFormat="1" applyFont="1" applyFill="1" applyAlignment="1">
      <alignment horizontal="right" vertical="center"/>
    </xf>
    <xf numFmtId="0" fontId="11" fillId="0" borderId="0" xfId="1" applyFont="1" applyFill="1" applyBorder="1" applyAlignment="1">
      <alignment horizontal="right" vertical="center"/>
    </xf>
    <xf numFmtId="0" fontId="11" fillId="0" borderId="0" xfId="1" applyFont="1" applyFill="1" applyAlignment="1">
      <alignment horizontal="right" vertical="center"/>
    </xf>
    <xf numFmtId="0" fontId="13" fillId="0" borderId="0" xfId="1" applyFont="1" applyFill="1" applyAlignment="1">
      <alignment horizontal="left" vertical="center"/>
    </xf>
    <xf numFmtId="0" fontId="11" fillId="0" borderId="0" xfId="1" applyFont="1" applyFill="1" applyAlignment="1">
      <alignment horizontal="left" vertical="center"/>
    </xf>
    <xf numFmtId="0" fontId="11" fillId="0" borderId="0" xfId="1" applyFont="1" applyFill="1" applyAlignment="1">
      <alignment horizontal="right" vertical="center"/>
    </xf>
  </cellXfs>
  <cellStyles count="3"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322"/>
  <sheetViews>
    <sheetView tabSelected="1" zoomScaleNormal="100" zoomScaleSheetLayoutView="100" workbookViewId="0">
      <pane ySplit="6" topLeftCell="A7" activePane="bottomLeft" state="frozen"/>
      <selection pane="bottomLeft" sqref="A1:J1"/>
    </sheetView>
  </sheetViews>
  <sheetFormatPr defaultRowHeight="12.75" customHeight="1" x14ac:dyDescent="0.15"/>
  <cols>
    <col min="1" max="1" width="2.5" style="6" customWidth="1"/>
    <col min="2" max="2" width="35.125" style="1" customWidth="1"/>
    <col min="3" max="3" width="7.375" style="3" customWidth="1"/>
    <col min="4" max="4" width="6.875" style="3" customWidth="1"/>
    <col min="5" max="5" width="7.625" style="3" customWidth="1"/>
    <col min="6" max="6" width="7.125" style="3" customWidth="1"/>
    <col min="7" max="7" width="6.375" style="5" customWidth="1"/>
    <col min="8" max="8" width="6.375" style="4" customWidth="1"/>
    <col min="9" max="9" width="9.5" style="3" customWidth="1"/>
    <col min="10" max="10" width="9.875" style="3" customWidth="1"/>
    <col min="11" max="11" width="11.125" style="3" customWidth="1"/>
    <col min="12" max="12" width="12.125" style="3" customWidth="1"/>
    <col min="13" max="13" width="11.25" style="3" customWidth="1"/>
    <col min="14" max="14" width="10.375" style="3" customWidth="1"/>
    <col min="15" max="15" width="11.25" style="3" customWidth="1"/>
    <col min="16" max="16" width="9.125" style="3" customWidth="1"/>
    <col min="17" max="17" width="7.75" style="3" customWidth="1"/>
    <col min="18" max="18" width="10.125" style="3" customWidth="1"/>
    <col min="19" max="19" width="11.25" style="3" customWidth="1"/>
    <col min="20" max="20" width="3.875" style="2" customWidth="1"/>
    <col min="21" max="16384" width="9" style="1"/>
  </cols>
  <sheetData>
    <row r="1" spans="1:20" s="76" customFormat="1" ht="18" customHeight="1" x14ac:dyDescent="0.2">
      <c r="A1" s="85" t="s">
        <v>360</v>
      </c>
      <c r="B1" s="85"/>
      <c r="C1" s="85"/>
      <c r="D1" s="85"/>
      <c r="E1" s="85"/>
      <c r="F1" s="85"/>
      <c r="G1" s="85"/>
      <c r="H1" s="85"/>
      <c r="I1" s="85"/>
      <c r="J1" s="85"/>
      <c r="K1" s="84" t="s">
        <v>359</v>
      </c>
      <c r="L1" s="84"/>
      <c r="M1" s="84"/>
      <c r="N1" s="84"/>
      <c r="O1" s="84"/>
      <c r="P1" s="84"/>
      <c r="Q1" s="84"/>
      <c r="R1" s="84"/>
      <c r="S1" s="84"/>
      <c r="T1" s="84"/>
    </row>
    <row r="2" spans="1:20" s="76" customFormat="1" ht="17.25" x14ac:dyDescent="0.2">
      <c r="A2" s="83" t="s">
        <v>358</v>
      </c>
      <c r="B2" s="83"/>
      <c r="C2" s="82"/>
      <c r="D2" s="82"/>
      <c r="E2" s="82"/>
      <c r="F2" s="81"/>
      <c r="G2" s="80" t="s">
        <v>357</v>
      </c>
      <c r="H2" s="80"/>
      <c r="I2" s="80"/>
      <c r="J2" s="80"/>
      <c r="K2" s="79" t="s">
        <v>356</v>
      </c>
      <c r="L2" s="79"/>
      <c r="M2" s="79"/>
      <c r="N2" s="78"/>
      <c r="O2" s="78"/>
      <c r="P2" s="78"/>
      <c r="Q2" s="78"/>
      <c r="R2" s="78"/>
      <c r="S2" s="78"/>
      <c r="T2" s="77"/>
    </row>
    <row r="3" spans="1:20" ht="11.25" thickBot="1" x14ac:dyDescent="0.2">
      <c r="A3" s="75" t="s">
        <v>355</v>
      </c>
      <c r="B3" s="75"/>
      <c r="C3" s="71"/>
      <c r="D3" s="74"/>
      <c r="E3" s="71"/>
      <c r="F3" s="71"/>
      <c r="G3" s="73"/>
      <c r="H3" s="72"/>
      <c r="I3" s="72"/>
      <c r="J3" s="72"/>
      <c r="K3" s="72"/>
      <c r="L3" s="72"/>
      <c r="M3" s="72"/>
      <c r="N3" s="71"/>
      <c r="O3" s="71"/>
      <c r="P3" s="71"/>
      <c r="Q3" s="71"/>
      <c r="R3" s="71"/>
      <c r="S3" s="71"/>
      <c r="T3" s="70"/>
    </row>
    <row r="4" spans="1:20" s="61" customFormat="1" ht="19.899999999999999" customHeight="1" thickTop="1" x14ac:dyDescent="0.4">
      <c r="A4" s="69" t="s">
        <v>354</v>
      </c>
      <c r="B4" s="68"/>
      <c r="C4" s="67" t="s">
        <v>353</v>
      </c>
      <c r="D4" s="64" t="s">
        <v>352</v>
      </c>
      <c r="E4" s="66"/>
      <c r="F4" s="66"/>
      <c r="G4" s="66"/>
      <c r="H4" s="63"/>
      <c r="I4" s="67" t="s">
        <v>351</v>
      </c>
      <c r="J4" s="67" t="s">
        <v>350</v>
      </c>
      <c r="K4" s="64" t="s">
        <v>349</v>
      </c>
      <c r="L4" s="66"/>
      <c r="M4" s="66"/>
      <c r="N4" s="66"/>
      <c r="O4" s="66"/>
      <c r="P4" s="63"/>
      <c r="Q4" s="65" t="s">
        <v>348</v>
      </c>
      <c r="R4" s="64" t="s">
        <v>347</v>
      </c>
      <c r="S4" s="63"/>
      <c r="T4" s="62" t="s">
        <v>346</v>
      </c>
    </row>
    <row r="5" spans="1:20" s="50" customFormat="1" ht="22.5" customHeight="1" x14ac:dyDescent="0.4">
      <c r="A5" s="60"/>
      <c r="B5" s="59"/>
      <c r="C5" s="54"/>
      <c r="D5" s="52" t="s">
        <v>345</v>
      </c>
      <c r="E5" s="58" t="s">
        <v>344</v>
      </c>
      <c r="F5" s="57"/>
      <c r="G5" s="56" t="s">
        <v>343</v>
      </c>
      <c r="H5" s="55"/>
      <c r="I5" s="54"/>
      <c r="J5" s="54"/>
      <c r="K5" s="52" t="s">
        <v>342</v>
      </c>
      <c r="L5" s="53" t="s">
        <v>341</v>
      </c>
      <c r="M5" s="53" t="s">
        <v>340</v>
      </c>
      <c r="N5" s="53" t="s">
        <v>339</v>
      </c>
      <c r="O5" s="53" t="s">
        <v>338</v>
      </c>
      <c r="P5" s="53" t="s">
        <v>337</v>
      </c>
      <c r="Q5" s="54"/>
      <c r="R5" s="53" t="s">
        <v>336</v>
      </c>
      <c r="S5" s="52" t="s">
        <v>335</v>
      </c>
      <c r="T5" s="51"/>
    </row>
    <row r="6" spans="1:20" s="42" customFormat="1" ht="12.75" customHeight="1" x14ac:dyDescent="0.4">
      <c r="A6" s="49"/>
      <c r="B6" s="48"/>
      <c r="C6" s="44"/>
      <c r="D6" s="44"/>
      <c r="E6" s="46" t="s">
        <v>334</v>
      </c>
      <c r="F6" s="46" t="s">
        <v>333</v>
      </c>
      <c r="G6" s="47" t="s">
        <v>334</v>
      </c>
      <c r="H6" s="46" t="s">
        <v>333</v>
      </c>
      <c r="I6" s="44"/>
      <c r="J6" s="44"/>
      <c r="K6" s="44"/>
      <c r="L6" s="45"/>
      <c r="M6" s="45"/>
      <c r="N6" s="45"/>
      <c r="O6" s="45"/>
      <c r="P6" s="45"/>
      <c r="Q6" s="44"/>
      <c r="R6" s="45"/>
      <c r="S6" s="44"/>
      <c r="T6" s="43"/>
    </row>
    <row r="7" spans="1:20" s="18" customFormat="1" ht="15.75" customHeight="1" x14ac:dyDescent="0.15">
      <c r="A7" s="41" t="s">
        <v>332</v>
      </c>
      <c r="B7" s="40"/>
      <c r="C7" s="39">
        <v>6873</v>
      </c>
      <c r="D7" s="39">
        <v>128897</v>
      </c>
      <c r="E7" s="39">
        <v>88496</v>
      </c>
      <c r="F7" s="39">
        <v>38967</v>
      </c>
      <c r="G7" s="39">
        <v>957</v>
      </c>
      <c r="H7" s="39">
        <v>477</v>
      </c>
      <c r="I7" s="39">
        <v>55691481</v>
      </c>
      <c r="J7" s="39">
        <v>188409494</v>
      </c>
      <c r="K7" s="39">
        <v>356688454</v>
      </c>
      <c r="L7" s="39">
        <v>313936691</v>
      </c>
      <c r="M7" s="39">
        <v>22787037</v>
      </c>
      <c r="N7" s="39">
        <v>1408418</v>
      </c>
      <c r="O7" s="39">
        <v>16133480</v>
      </c>
      <c r="P7" s="39">
        <v>2422828</v>
      </c>
      <c r="Q7" s="39" t="s">
        <v>5</v>
      </c>
      <c r="R7" s="39">
        <v>108975847</v>
      </c>
      <c r="S7" s="39">
        <v>17049250</v>
      </c>
      <c r="T7" s="38" t="s">
        <v>331</v>
      </c>
    </row>
    <row r="8" spans="1:20" s="18" customFormat="1" ht="9.75" customHeight="1" x14ac:dyDescent="0.15">
      <c r="A8" s="37"/>
      <c r="B8" s="37"/>
      <c r="C8" s="20"/>
      <c r="D8" s="20"/>
      <c r="E8" s="20"/>
      <c r="F8" s="20"/>
      <c r="G8" s="20"/>
      <c r="H8" s="20"/>
      <c r="I8" s="20"/>
      <c r="J8" s="20"/>
      <c r="K8" s="20"/>
      <c r="L8" s="20"/>
      <c r="M8" s="20"/>
      <c r="N8" s="20"/>
      <c r="O8" s="20"/>
      <c r="P8" s="20"/>
      <c r="Q8" s="20"/>
      <c r="R8" s="20"/>
      <c r="S8" s="20"/>
      <c r="T8" s="36"/>
    </row>
    <row r="9" spans="1:20" s="18" customFormat="1" ht="12" customHeight="1" x14ac:dyDescent="0.15">
      <c r="A9" s="22" t="s">
        <v>329</v>
      </c>
      <c r="B9" s="21" t="s">
        <v>330</v>
      </c>
      <c r="C9" s="20">
        <v>399</v>
      </c>
      <c r="D9" s="20">
        <v>11719</v>
      </c>
      <c r="E9" s="20">
        <v>5137</v>
      </c>
      <c r="F9" s="20">
        <v>6518</v>
      </c>
      <c r="G9" s="20">
        <v>45</v>
      </c>
      <c r="H9" s="20">
        <v>19</v>
      </c>
      <c r="I9" s="20">
        <v>3460256</v>
      </c>
      <c r="J9" s="20">
        <v>12288759</v>
      </c>
      <c r="K9" s="20">
        <v>21646272</v>
      </c>
      <c r="L9" s="20">
        <v>20250655</v>
      </c>
      <c r="M9" s="20">
        <v>352178</v>
      </c>
      <c r="N9" s="20">
        <v>0</v>
      </c>
      <c r="O9" s="20">
        <v>1006612</v>
      </c>
      <c r="P9" s="20">
        <v>36827</v>
      </c>
      <c r="Q9" s="20">
        <v>0</v>
      </c>
      <c r="R9" s="20">
        <v>5990965</v>
      </c>
      <c r="S9" s="20">
        <v>355283</v>
      </c>
      <c r="T9" s="19" t="s">
        <v>329</v>
      </c>
    </row>
    <row r="10" spans="1:20" ht="12" customHeight="1" x14ac:dyDescent="0.15">
      <c r="A10" s="16" t="s">
        <v>327</v>
      </c>
      <c r="B10" s="15" t="s">
        <v>328</v>
      </c>
      <c r="C10" s="14">
        <v>18</v>
      </c>
      <c r="D10" s="14">
        <v>515</v>
      </c>
      <c r="E10" s="14">
        <v>349</v>
      </c>
      <c r="F10" s="14">
        <v>163</v>
      </c>
      <c r="G10" s="14">
        <v>2</v>
      </c>
      <c r="H10" s="14">
        <v>1</v>
      </c>
      <c r="I10" s="14">
        <v>179802</v>
      </c>
      <c r="J10" s="14">
        <v>1245489</v>
      </c>
      <c r="K10" s="14">
        <v>1799725</v>
      </c>
      <c r="L10" s="14">
        <v>1727109</v>
      </c>
      <c r="M10" s="14">
        <v>30531</v>
      </c>
      <c r="N10" s="14">
        <v>0</v>
      </c>
      <c r="O10" s="14">
        <v>42006</v>
      </c>
      <c r="P10" s="14">
        <v>79</v>
      </c>
      <c r="Q10" s="14">
        <v>0</v>
      </c>
      <c r="R10" s="14">
        <v>335513</v>
      </c>
      <c r="S10" s="14">
        <v>11291</v>
      </c>
      <c r="T10" s="13" t="s">
        <v>327</v>
      </c>
    </row>
    <row r="11" spans="1:20" ht="12" customHeight="1" x14ac:dyDescent="0.15">
      <c r="A11" s="16" t="s">
        <v>325</v>
      </c>
      <c r="B11" s="15" t="s">
        <v>326</v>
      </c>
      <c r="C11" s="14">
        <v>61</v>
      </c>
      <c r="D11" s="14">
        <v>1260</v>
      </c>
      <c r="E11" s="14">
        <v>515</v>
      </c>
      <c r="F11" s="14">
        <v>743</v>
      </c>
      <c r="G11" s="14">
        <v>2</v>
      </c>
      <c r="H11" s="14">
        <v>0</v>
      </c>
      <c r="I11" s="14">
        <v>338171</v>
      </c>
      <c r="J11" s="14">
        <v>1070413</v>
      </c>
      <c r="K11" s="14">
        <v>1914034</v>
      </c>
      <c r="L11" s="14">
        <v>1818817</v>
      </c>
      <c r="M11" s="14">
        <v>60218</v>
      </c>
      <c r="N11" s="14">
        <v>0</v>
      </c>
      <c r="O11" s="14">
        <v>25360</v>
      </c>
      <c r="P11" s="14">
        <v>9639</v>
      </c>
      <c r="Q11" s="14">
        <v>0</v>
      </c>
      <c r="R11" s="14">
        <v>421234</v>
      </c>
      <c r="S11" s="14">
        <v>28860</v>
      </c>
      <c r="T11" s="13" t="s">
        <v>325</v>
      </c>
    </row>
    <row r="12" spans="1:20" ht="12" customHeight="1" x14ac:dyDescent="0.15">
      <c r="A12" s="16" t="s">
        <v>323</v>
      </c>
      <c r="B12" s="15" t="s">
        <v>324</v>
      </c>
      <c r="C12" s="14">
        <v>14</v>
      </c>
      <c r="D12" s="14">
        <v>251</v>
      </c>
      <c r="E12" s="14">
        <v>95</v>
      </c>
      <c r="F12" s="14">
        <v>154</v>
      </c>
      <c r="G12" s="14">
        <v>2</v>
      </c>
      <c r="H12" s="14">
        <v>0</v>
      </c>
      <c r="I12" s="14">
        <v>86396</v>
      </c>
      <c r="J12" s="14">
        <v>182907</v>
      </c>
      <c r="K12" s="14">
        <v>360589</v>
      </c>
      <c r="L12" s="14">
        <v>343052</v>
      </c>
      <c r="M12" s="14">
        <v>4572</v>
      </c>
      <c r="N12" s="14">
        <v>0</v>
      </c>
      <c r="O12" s="14">
        <v>8887</v>
      </c>
      <c r="P12" s="14">
        <v>4078</v>
      </c>
      <c r="Q12" s="14">
        <v>0</v>
      </c>
      <c r="R12" s="14" t="s">
        <v>5</v>
      </c>
      <c r="S12" s="14">
        <v>0</v>
      </c>
      <c r="T12" s="13" t="s">
        <v>323</v>
      </c>
    </row>
    <row r="13" spans="1:20" ht="12" customHeight="1" x14ac:dyDescent="0.15">
      <c r="A13" s="16" t="s">
        <v>321</v>
      </c>
      <c r="B13" s="15" t="s">
        <v>322</v>
      </c>
      <c r="C13" s="14">
        <v>16</v>
      </c>
      <c r="D13" s="14">
        <v>188</v>
      </c>
      <c r="E13" s="14">
        <v>121</v>
      </c>
      <c r="F13" s="14">
        <v>66</v>
      </c>
      <c r="G13" s="14">
        <v>1</v>
      </c>
      <c r="H13" s="14">
        <v>0</v>
      </c>
      <c r="I13" s="14">
        <v>69050</v>
      </c>
      <c r="J13" s="14">
        <v>181499</v>
      </c>
      <c r="K13" s="14">
        <v>331767</v>
      </c>
      <c r="L13" s="14">
        <v>321506</v>
      </c>
      <c r="M13" s="14">
        <v>213</v>
      </c>
      <c r="N13" s="14">
        <v>0</v>
      </c>
      <c r="O13" s="14">
        <v>9748</v>
      </c>
      <c r="P13" s="14">
        <v>300</v>
      </c>
      <c r="Q13" s="14">
        <v>0</v>
      </c>
      <c r="R13" s="14">
        <v>0</v>
      </c>
      <c r="S13" s="14">
        <v>0</v>
      </c>
      <c r="T13" s="13" t="s">
        <v>321</v>
      </c>
    </row>
    <row r="14" spans="1:20" ht="12" customHeight="1" x14ac:dyDescent="0.15">
      <c r="A14" s="16" t="s">
        <v>319</v>
      </c>
      <c r="B14" s="15" t="s">
        <v>320</v>
      </c>
      <c r="C14" s="14">
        <v>6</v>
      </c>
      <c r="D14" s="14">
        <v>211</v>
      </c>
      <c r="E14" s="14">
        <v>152</v>
      </c>
      <c r="F14" s="14">
        <v>59</v>
      </c>
      <c r="G14" s="14">
        <v>0</v>
      </c>
      <c r="H14" s="14">
        <v>0</v>
      </c>
      <c r="I14" s="14" t="s">
        <v>5</v>
      </c>
      <c r="J14" s="14" t="s">
        <v>5</v>
      </c>
      <c r="K14" s="14" t="s">
        <v>5</v>
      </c>
      <c r="L14" s="14" t="s">
        <v>5</v>
      </c>
      <c r="M14" s="14">
        <v>7423</v>
      </c>
      <c r="N14" s="14">
        <v>0</v>
      </c>
      <c r="O14" s="14" t="s">
        <v>5</v>
      </c>
      <c r="P14" s="14">
        <v>7196</v>
      </c>
      <c r="Q14" s="14">
        <v>0</v>
      </c>
      <c r="R14" s="14" t="s">
        <v>5</v>
      </c>
      <c r="S14" s="14" t="s">
        <v>5</v>
      </c>
      <c r="T14" s="13" t="s">
        <v>319</v>
      </c>
    </row>
    <row r="15" spans="1:20" ht="12" customHeight="1" x14ac:dyDescent="0.15">
      <c r="A15" s="16" t="s">
        <v>317</v>
      </c>
      <c r="B15" s="15" t="s">
        <v>318</v>
      </c>
      <c r="C15" s="14">
        <v>9</v>
      </c>
      <c r="D15" s="14">
        <v>209</v>
      </c>
      <c r="E15" s="14">
        <v>163</v>
      </c>
      <c r="F15" s="14">
        <v>46</v>
      </c>
      <c r="G15" s="14">
        <v>0</v>
      </c>
      <c r="H15" s="14">
        <v>0</v>
      </c>
      <c r="I15" s="14">
        <v>108986</v>
      </c>
      <c r="J15" s="14">
        <v>1131688</v>
      </c>
      <c r="K15" s="14">
        <v>1567734</v>
      </c>
      <c r="L15" s="14">
        <v>1525069</v>
      </c>
      <c r="M15" s="14">
        <v>404</v>
      </c>
      <c r="N15" s="14">
        <v>0</v>
      </c>
      <c r="O15" s="14">
        <v>42261</v>
      </c>
      <c r="P15" s="14">
        <v>0</v>
      </c>
      <c r="Q15" s="14">
        <v>0</v>
      </c>
      <c r="R15" s="14" t="s">
        <v>5</v>
      </c>
      <c r="S15" s="14" t="s">
        <v>5</v>
      </c>
      <c r="T15" s="13" t="s">
        <v>317</v>
      </c>
    </row>
    <row r="16" spans="1:20" ht="12" customHeight="1" x14ac:dyDescent="0.15">
      <c r="A16" s="16" t="s">
        <v>315</v>
      </c>
      <c r="B16" s="15" t="s">
        <v>316</v>
      </c>
      <c r="C16" s="14">
        <v>147</v>
      </c>
      <c r="D16" s="14">
        <v>4465</v>
      </c>
      <c r="E16" s="14">
        <v>1902</v>
      </c>
      <c r="F16" s="14">
        <v>2536</v>
      </c>
      <c r="G16" s="14">
        <v>20</v>
      </c>
      <c r="H16" s="14">
        <v>7</v>
      </c>
      <c r="I16" s="14">
        <v>1183267</v>
      </c>
      <c r="J16" s="14">
        <v>2656734</v>
      </c>
      <c r="K16" s="14">
        <v>5865111</v>
      </c>
      <c r="L16" s="14">
        <v>5782749</v>
      </c>
      <c r="M16" s="14">
        <v>15708</v>
      </c>
      <c r="N16" s="14">
        <v>0</v>
      </c>
      <c r="O16" s="14">
        <v>53856</v>
      </c>
      <c r="P16" s="14">
        <v>12798</v>
      </c>
      <c r="Q16" s="14">
        <v>0</v>
      </c>
      <c r="R16" s="14">
        <v>2236215</v>
      </c>
      <c r="S16" s="14">
        <v>164176</v>
      </c>
      <c r="T16" s="13" t="s">
        <v>315</v>
      </c>
    </row>
    <row r="17" spans="1:20" ht="12" customHeight="1" x14ac:dyDescent="0.15">
      <c r="A17" s="16" t="s">
        <v>313</v>
      </c>
      <c r="B17" s="15" t="s">
        <v>314</v>
      </c>
      <c r="C17" s="14">
        <v>2</v>
      </c>
      <c r="D17" s="14">
        <v>25</v>
      </c>
      <c r="E17" s="14">
        <v>21</v>
      </c>
      <c r="F17" s="14">
        <v>4</v>
      </c>
      <c r="G17" s="14">
        <v>0</v>
      </c>
      <c r="H17" s="14">
        <v>0</v>
      </c>
      <c r="I17" s="14" t="s">
        <v>5</v>
      </c>
      <c r="J17" s="14" t="s">
        <v>5</v>
      </c>
      <c r="K17" s="14" t="s">
        <v>5</v>
      </c>
      <c r="L17" s="14" t="s">
        <v>5</v>
      </c>
      <c r="M17" s="14">
        <v>0</v>
      </c>
      <c r="N17" s="14">
        <v>0</v>
      </c>
      <c r="O17" s="14" t="s">
        <v>5</v>
      </c>
      <c r="P17" s="14">
        <v>0</v>
      </c>
      <c r="Q17" s="14">
        <v>0</v>
      </c>
      <c r="R17" s="14">
        <v>0</v>
      </c>
      <c r="S17" s="14">
        <v>0</v>
      </c>
      <c r="T17" s="13" t="s">
        <v>313</v>
      </c>
    </row>
    <row r="18" spans="1:20" ht="12" customHeight="1" x14ac:dyDescent="0.15">
      <c r="A18" s="16" t="s">
        <v>311</v>
      </c>
      <c r="B18" s="15" t="s">
        <v>312</v>
      </c>
      <c r="C18" s="14">
        <v>126</v>
      </c>
      <c r="D18" s="14">
        <v>4595</v>
      </c>
      <c r="E18" s="14">
        <v>1819</v>
      </c>
      <c r="F18" s="14">
        <v>2747</v>
      </c>
      <c r="G18" s="14">
        <v>18</v>
      </c>
      <c r="H18" s="14">
        <v>11</v>
      </c>
      <c r="I18" s="14">
        <v>1367466</v>
      </c>
      <c r="J18" s="14">
        <v>4459920</v>
      </c>
      <c r="K18" s="14">
        <v>7816389</v>
      </c>
      <c r="L18" s="14">
        <v>7022028</v>
      </c>
      <c r="M18" s="14">
        <v>233109</v>
      </c>
      <c r="N18" s="14">
        <v>0</v>
      </c>
      <c r="O18" s="14">
        <v>558515</v>
      </c>
      <c r="P18" s="14">
        <v>2737</v>
      </c>
      <c r="Q18" s="14">
        <v>0</v>
      </c>
      <c r="R18" s="14">
        <v>2311017</v>
      </c>
      <c r="S18" s="14">
        <v>98985</v>
      </c>
      <c r="T18" s="13" t="s">
        <v>311</v>
      </c>
    </row>
    <row r="19" spans="1:20" ht="9.75" customHeight="1" x14ac:dyDescent="0.15">
      <c r="A19" s="16"/>
      <c r="B19" s="15"/>
      <c r="C19" s="14"/>
      <c r="D19" s="14"/>
      <c r="E19" s="14"/>
      <c r="F19" s="14"/>
      <c r="G19" s="14"/>
      <c r="H19" s="14"/>
      <c r="I19" s="14"/>
      <c r="J19" s="14"/>
      <c r="K19" s="14"/>
      <c r="L19" s="14"/>
      <c r="M19" s="14"/>
      <c r="N19" s="14"/>
      <c r="O19" s="14"/>
      <c r="P19" s="14"/>
      <c r="Q19" s="14"/>
      <c r="R19" s="14"/>
      <c r="S19" s="14"/>
      <c r="T19" s="13"/>
    </row>
    <row r="20" spans="1:20" s="18" customFormat="1" ht="12" customHeight="1" x14ac:dyDescent="0.15">
      <c r="A20" s="22" t="s">
        <v>309</v>
      </c>
      <c r="B20" s="21" t="s">
        <v>310</v>
      </c>
      <c r="C20" s="20">
        <v>19</v>
      </c>
      <c r="D20" s="20">
        <v>360</v>
      </c>
      <c r="E20" s="20">
        <v>275</v>
      </c>
      <c r="F20" s="20">
        <v>85</v>
      </c>
      <c r="G20" s="20">
        <v>0</v>
      </c>
      <c r="H20" s="20">
        <v>0</v>
      </c>
      <c r="I20" s="20">
        <v>171155</v>
      </c>
      <c r="J20" s="20">
        <v>2413241</v>
      </c>
      <c r="K20" s="20">
        <v>4073153</v>
      </c>
      <c r="L20" s="20">
        <v>4012426</v>
      </c>
      <c r="M20" s="20">
        <v>35263</v>
      </c>
      <c r="N20" s="20">
        <v>0</v>
      </c>
      <c r="O20" s="20">
        <v>6886</v>
      </c>
      <c r="P20" s="20">
        <v>18578</v>
      </c>
      <c r="Q20" s="20" t="s">
        <v>5</v>
      </c>
      <c r="R20" s="20">
        <v>329189</v>
      </c>
      <c r="S20" s="20">
        <v>30392</v>
      </c>
      <c r="T20" s="19" t="s">
        <v>309</v>
      </c>
    </row>
    <row r="21" spans="1:20" ht="12" customHeight="1" x14ac:dyDescent="0.15">
      <c r="A21" s="16" t="s">
        <v>307</v>
      </c>
      <c r="B21" s="15" t="s">
        <v>308</v>
      </c>
      <c r="C21" s="14">
        <v>7</v>
      </c>
      <c r="D21" s="14">
        <v>147</v>
      </c>
      <c r="E21" s="14">
        <v>112</v>
      </c>
      <c r="F21" s="14">
        <v>35</v>
      </c>
      <c r="G21" s="14">
        <v>0</v>
      </c>
      <c r="H21" s="14">
        <v>0</v>
      </c>
      <c r="I21" s="14">
        <v>65896</v>
      </c>
      <c r="J21" s="14">
        <v>345487</v>
      </c>
      <c r="K21" s="14">
        <v>568457</v>
      </c>
      <c r="L21" s="14">
        <v>565553</v>
      </c>
      <c r="M21" s="14">
        <v>298</v>
      </c>
      <c r="N21" s="14">
        <v>0</v>
      </c>
      <c r="O21" s="14">
        <v>2606</v>
      </c>
      <c r="P21" s="14">
        <v>0</v>
      </c>
      <c r="Q21" s="14">
        <v>0</v>
      </c>
      <c r="R21" s="14" t="s">
        <v>5</v>
      </c>
      <c r="S21" s="14" t="s">
        <v>5</v>
      </c>
      <c r="T21" s="13" t="s">
        <v>307</v>
      </c>
    </row>
    <row r="22" spans="1:20" ht="12" customHeight="1" x14ac:dyDescent="0.15">
      <c r="A22" s="16" t="s">
        <v>305</v>
      </c>
      <c r="B22" s="15" t="s">
        <v>306</v>
      </c>
      <c r="C22" s="14">
        <v>1</v>
      </c>
      <c r="D22" s="14">
        <v>68</v>
      </c>
      <c r="E22" s="14">
        <v>56</v>
      </c>
      <c r="F22" s="14">
        <v>12</v>
      </c>
      <c r="G22" s="14">
        <v>0</v>
      </c>
      <c r="H22" s="14">
        <v>0</v>
      </c>
      <c r="I22" s="14" t="s">
        <v>5</v>
      </c>
      <c r="J22" s="14" t="s">
        <v>5</v>
      </c>
      <c r="K22" s="14" t="s">
        <v>5</v>
      </c>
      <c r="L22" s="14" t="s">
        <v>5</v>
      </c>
      <c r="M22" s="14">
        <v>0</v>
      </c>
      <c r="N22" s="14">
        <v>0</v>
      </c>
      <c r="O22" s="14">
        <v>0</v>
      </c>
      <c r="P22" s="14">
        <v>0</v>
      </c>
      <c r="Q22" s="14" t="s">
        <v>5</v>
      </c>
      <c r="R22" s="14" t="s">
        <v>5</v>
      </c>
      <c r="S22" s="14" t="s">
        <v>5</v>
      </c>
      <c r="T22" s="13" t="s">
        <v>305</v>
      </c>
    </row>
    <row r="23" spans="1:20" ht="12" customHeight="1" x14ac:dyDescent="0.15">
      <c r="A23" s="16" t="s">
        <v>303</v>
      </c>
      <c r="B23" s="15" t="s">
        <v>304</v>
      </c>
      <c r="C23" s="14">
        <v>6</v>
      </c>
      <c r="D23" s="14">
        <v>94</v>
      </c>
      <c r="E23" s="14">
        <v>64</v>
      </c>
      <c r="F23" s="14">
        <v>30</v>
      </c>
      <c r="G23" s="14">
        <v>0</v>
      </c>
      <c r="H23" s="14">
        <v>0</v>
      </c>
      <c r="I23" s="14">
        <v>28084</v>
      </c>
      <c r="J23" s="14">
        <v>70706</v>
      </c>
      <c r="K23" s="14">
        <v>131908</v>
      </c>
      <c r="L23" s="14">
        <v>87223</v>
      </c>
      <c r="M23" s="14">
        <v>34965</v>
      </c>
      <c r="N23" s="14">
        <v>0</v>
      </c>
      <c r="O23" s="14">
        <v>4280</v>
      </c>
      <c r="P23" s="14">
        <v>5440</v>
      </c>
      <c r="Q23" s="14">
        <v>0</v>
      </c>
      <c r="R23" s="14" t="s">
        <v>5</v>
      </c>
      <c r="S23" s="14">
        <v>0</v>
      </c>
      <c r="T23" s="13" t="s">
        <v>303</v>
      </c>
    </row>
    <row r="24" spans="1:20" ht="12" customHeight="1" x14ac:dyDescent="0.15">
      <c r="A24" s="16" t="s">
        <v>301</v>
      </c>
      <c r="B24" s="15" t="s">
        <v>302</v>
      </c>
      <c r="C24" s="14">
        <v>3</v>
      </c>
      <c r="D24" s="14">
        <v>39</v>
      </c>
      <c r="E24" s="14">
        <v>34</v>
      </c>
      <c r="F24" s="14">
        <v>5</v>
      </c>
      <c r="G24" s="14">
        <v>0</v>
      </c>
      <c r="H24" s="14">
        <v>0</v>
      </c>
      <c r="I24" s="14">
        <v>12881</v>
      </c>
      <c r="J24" s="14">
        <v>7066</v>
      </c>
      <c r="K24" s="14">
        <v>31479</v>
      </c>
      <c r="L24" s="14" t="s">
        <v>5</v>
      </c>
      <c r="M24" s="14">
        <v>0</v>
      </c>
      <c r="N24" s="14">
        <v>0</v>
      </c>
      <c r="O24" s="14">
        <v>0</v>
      </c>
      <c r="P24" s="14" t="s">
        <v>5</v>
      </c>
      <c r="Q24" s="14">
        <v>0</v>
      </c>
      <c r="R24" s="14">
        <v>0</v>
      </c>
      <c r="S24" s="14">
        <v>0</v>
      </c>
      <c r="T24" s="13" t="s">
        <v>301</v>
      </c>
    </row>
    <row r="25" spans="1:20" ht="12" customHeight="1" x14ac:dyDescent="0.15">
      <c r="A25" s="16" t="s">
        <v>299</v>
      </c>
      <c r="B25" s="15" t="s">
        <v>300</v>
      </c>
      <c r="C25" s="14">
        <v>2</v>
      </c>
      <c r="D25" s="14">
        <v>12</v>
      </c>
      <c r="E25" s="14">
        <v>9</v>
      </c>
      <c r="F25" s="14">
        <v>3</v>
      </c>
      <c r="G25" s="14">
        <v>0</v>
      </c>
      <c r="H25" s="14">
        <v>0</v>
      </c>
      <c r="I25" s="14" t="s">
        <v>5</v>
      </c>
      <c r="J25" s="14" t="s">
        <v>5</v>
      </c>
      <c r="K25" s="14" t="s">
        <v>5</v>
      </c>
      <c r="L25" s="14" t="s">
        <v>5</v>
      </c>
      <c r="M25" s="14">
        <v>0</v>
      </c>
      <c r="N25" s="14">
        <v>0</v>
      </c>
      <c r="O25" s="14">
        <v>0</v>
      </c>
      <c r="P25" s="14" t="s">
        <v>5</v>
      </c>
      <c r="Q25" s="14">
        <v>0</v>
      </c>
      <c r="R25" s="14">
        <v>0</v>
      </c>
      <c r="S25" s="14">
        <v>0</v>
      </c>
      <c r="T25" s="13" t="s">
        <v>299</v>
      </c>
    </row>
    <row r="26" spans="1:20" ht="9.75" customHeight="1" x14ac:dyDescent="0.15">
      <c r="A26" s="16"/>
      <c r="B26" s="15"/>
      <c r="C26" s="14"/>
      <c r="D26" s="14"/>
      <c r="E26" s="14"/>
      <c r="F26" s="14"/>
      <c r="G26" s="14"/>
      <c r="H26" s="14"/>
      <c r="I26" s="14"/>
      <c r="J26" s="14"/>
      <c r="K26" s="14"/>
      <c r="L26" s="14"/>
      <c r="M26" s="14"/>
      <c r="N26" s="14"/>
      <c r="O26" s="14"/>
      <c r="P26" s="14"/>
      <c r="Q26" s="14"/>
      <c r="R26" s="14"/>
      <c r="S26" s="14"/>
      <c r="T26" s="13"/>
    </row>
    <row r="27" spans="1:20" s="18" customFormat="1" ht="12" customHeight="1" x14ac:dyDescent="0.15">
      <c r="A27" s="22" t="s">
        <v>297</v>
      </c>
      <c r="B27" s="21" t="s">
        <v>298</v>
      </c>
      <c r="C27" s="20">
        <v>372</v>
      </c>
      <c r="D27" s="20">
        <v>4464</v>
      </c>
      <c r="E27" s="20">
        <v>1909</v>
      </c>
      <c r="F27" s="20">
        <v>2429</v>
      </c>
      <c r="G27" s="20">
        <v>70</v>
      </c>
      <c r="H27" s="20">
        <v>56</v>
      </c>
      <c r="I27" s="20">
        <v>1338132</v>
      </c>
      <c r="J27" s="20">
        <v>4841795</v>
      </c>
      <c r="K27" s="20">
        <v>7949969</v>
      </c>
      <c r="L27" s="20">
        <v>6153296</v>
      </c>
      <c r="M27" s="20">
        <v>1231711</v>
      </c>
      <c r="N27" s="20">
        <v>157676</v>
      </c>
      <c r="O27" s="20">
        <v>315184</v>
      </c>
      <c r="P27" s="20">
        <v>92102</v>
      </c>
      <c r="Q27" s="20">
        <v>0</v>
      </c>
      <c r="R27" s="20">
        <v>1255988</v>
      </c>
      <c r="S27" s="20">
        <v>14041</v>
      </c>
      <c r="T27" s="19" t="s">
        <v>297</v>
      </c>
    </row>
    <row r="28" spans="1:20" ht="12" customHeight="1" x14ac:dyDescent="0.15">
      <c r="A28" s="16" t="s">
        <v>295</v>
      </c>
      <c r="B28" s="15" t="s">
        <v>296</v>
      </c>
      <c r="C28" s="14">
        <v>1</v>
      </c>
      <c r="D28" s="14">
        <v>24</v>
      </c>
      <c r="E28" s="14">
        <v>8</v>
      </c>
      <c r="F28" s="14">
        <v>16</v>
      </c>
      <c r="G28" s="14">
        <v>0</v>
      </c>
      <c r="H28" s="14">
        <v>0</v>
      </c>
      <c r="I28" s="14" t="s">
        <v>5</v>
      </c>
      <c r="J28" s="14" t="s">
        <v>5</v>
      </c>
      <c r="K28" s="14" t="s">
        <v>5</v>
      </c>
      <c r="L28" s="14" t="s">
        <v>5</v>
      </c>
      <c r="M28" s="14" t="s">
        <v>5</v>
      </c>
      <c r="N28" s="14">
        <v>0</v>
      </c>
      <c r="O28" s="14">
        <v>0</v>
      </c>
      <c r="P28" s="14">
        <v>0</v>
      </c>
      <c r="Q28" s="14">
        <v>0</v>
      </c>
      <c r="R28" s="14">
        <v>0</v>
      </c>
      <c r="S28" s="14">
        <v>0</v>
      </c>
      <c r="T28" s="13" t="s">
        <v>295</v>
      </c>
    </row>
    <row r="29" spans="1:20" ht="12" customHeight="1" x14ac:dyDescent="0.15">
      <c r="A29" s="16" t="s">
        <v>293</v>
      </c>
      <c r="B29" s="15" t="s">
        <v>294</v>
      </c>
      <c r="C29" s="14">
        <v>4</v>
      </c>
      <c r="D29" s="14">
        <v>48</v>
      </c>
      <c r="E29" s="14">
        <v>18</v>
      </c>
      <c r="F29" s="14">
        <v>30</v>
      </c>
      <c r="G29" s="14">
        <v>0</v>
      </c>
      <c r="H29" s="14">
        <v>0</v>
      </c>
      <c r="I29" s="14">
        <v>13331</v>
      </c>
      <c r="J29" s="14">
        <v>25174</v>
      </c>
      <c r="K29" s="14">
        <v>58134</v>
      </c>
      <c r="L29" s="14">
        <v>40078</v>
      </c>
      <c r="M29" s="14">
        <v>18056</v>
      </c>
      <c r="N29" s="14">
        <v>0</v>
      </c>
      <c r="O29" s="14">
        <v>0</v>
      </c>
      <c r="P29" s="14">
        <v>0</v>
      </c>
      <c r="Q29" s="14">
        <v>0</v>
      </c>
      <c r="R29" s="14">
        <v>0</v>
      </c>
      <c r="S29" s="14">
        <v>0</v>
      </c>
      <c r="T29" s="13" t="s">
        <v>293</v>
      </c>
    </row>
    <row r="30" spans="1:20" ht="12" customHeight="1" x14ac:dyDescent="0.15">
      <c r="A30" s="16" t="s">
        <v>291</v>
      </c>
      <c r="B30" s="15" t="s">
        <v>292</v>
      </c>
      <c r="C30" s="14">
        <v>4</v>
      </c>
      <c r="D30" s="14">
        <v>29</v>
      </c>
      <c r="E30" s="14">
        <v>13</v>
      </c>
      <c r="F30" s="14">
        <v>11</v>
      </c>
      <c r="G30" s="14">
        <v>2</v>
      </c>
      <c r="H30" s="14">
        <v>3</v>
      </c>
      <c r="I30" s="14" t="s">
        <v>5</v>
      </c>
      <c r="J30" s="14" t="s">
        <v>5</v>
      </c>
      <c r="K30" s="14" t="s">
        <v>5</v>
      </c>
      <c r="L30" s="14" t="s">
        <v>5</v>
      </c>
      <c r="M30" s="14" t="s">
        <v>5</v>
      </c>
      <c r="N30" s="14">
        <v>0</v>
      </c>
      <c r="O30" s="14">
        <v>0</v>
      </c>
      <c r="P30" s="14">
        <v>0</v>
      </c>
      <c r="Q30" s="14">
        <v>0</v>
      </c>
      <c r="R30" s="14">
        <v>0</v>
      </c>
      <c r="S30" s="14">
        <v>0</v>
      </c>
      <c r="T30" s="13" t="s">
        <v>291</v>
      </c>
    </row>
    <row r="31" spans="1:20" ht="12" customHeight="1" x14ac:dyDescent="0.15">
      <c r="A31" s="16" t="s">
        <v>289</v>
      </c>
      <c r="B31" s="15" t="s">
        <v>290</v>
      </c>
      <c r="C31" s="14">
        <v>24</v>
      </c>
      <c r="D31" s="14">
        <v>485</v>
      </c>
      <c r="E31" s="14">
        <v>304</v>
      </c>
      <c r="F31" s="14">
        <v>177</v>
      </c>
      <c r="G31" s="14">
        <v>2</v>
      </c>
      <c r="H31" s="14">
        <v>2</v>
      </c>
      <c r="I31" s="14">
        <v>164098</v>
      </c>
      <c r="J31" s="14">
        <v>242978</v>
      </c>
      <c r="K31" s="14">
        <v>540168</v>
      </c>
      <c r="L31" s="14">
        <v>26075</v>
      </c>
      <c r="M31" s="14">
        <v>494866</v>
      </c>
      <c r="N31" s="14">
        <v>0</v>
      </c>
      <c r="O31" s="14">
        <v>0</v>
      </c>
      <c r="P31" s="14">
        <v>19227</v>
      </c>
      <c r="Q31" s="14">
        <v>0</v>
      </c>
      <c r="R31" s="14">
        <v>151307</v>
      </c>
      <c r="S31" s="14" t="s">
        <v>5</v>
      </c>
      <c r="T31" s="13" t="s">
        <v>289</v>
      </c>
    </row>
    <row r="32" spans="1:20" ht="12" customHeight="1" x14ac:dyDescent="0.15">
      <c r="A32" s="16" t="s">
        <v>287</v>
      </c>
      <c r="B32" s="15" t="s">
        <v>288</v>
      </c>
      <c r="C32" s="14">
        <v>7</v>
      </c>
      <c r="D32" s="14">
        <v>59</v>
      </c>
      <c r="E32" s="14">
        <v>14</v>
      </c>
      <c r="F32" s="14">
        <v>40</v>
      </c>
      <c r="G32" s="14">
        <v>3</v>
      </c>
      <c r="H32" s="14">
        <v>2</v>
      </c>
      <c r="I32" s="14">
        <v>21931</v>
      </c>
      <c r="J32" s="14">
        <v>58232</v>
      </c>
      <c r="K32" s="14">
        <v>79165</v>
      </c>
      <c r="L32" s="14">
        <v>62292</v>
      </c>
      <c r="M32" s="14">
        <v>13910</v>
      </c>
      <c r="N32" s="14">
        <v>0</v>
      </c>
      <c r="O32" s="14">
        <v>2874</v>
      </c>
      <c r="P32" s="14">
        <v>89</v>
      </c>
      <c r="Q32" s="14">
        <v>0</v>
      </c>
      <c r="R32" s="14">
        <v>0</v>
      </c>
      <c r="S32" s="14">
        <v>0</v>
      </c>
      <c r="T32" s="13" t="s">
        <v>287</v>
      </c>
    </row>
    <row r="33" spans="1:20" ht="12" customHeight="1" x14ac:dyDescent="0.15">
      <c r="A33" s="16" t="s">
        <v>285</v>
      </c>
      <c r="B33" s="15" t="s">
        <v>286</v>
      </c>
      <c r="C33" s="14">
        <v>166</v>
      </c>
      <c r="D33" s="14">
        <v>1875</v>
      </c>
      <c r="E33" s="14">
        <v>693</v>
      </c>
      <c r="F33" s="14">
        <v>1111</v>
      </c>
      <c r="G33" s="14">
        <v>41</v>
      </c>
      <c r="H33" s="14">
        <v>30</v>
      </c>
      <c r="I33" s="14">
        <v>521053</v>
      </c>
      <c r="J33" s="14">
        <v>1892605</v>
      </c>
      <c r="K33" s="14">
        <v>3170657</v>
      </c>
      <c r="L33" s="14">
        <v>2381184</v>
      </c>
      <c r="M33" s="14">
        <v>493956</v>
      </c>
      <c r="N33" s="14">
        <v>156618</v>
      </c>
      <c r="O33" s="14">
        <v>76541</v>
      </c>
      <c r="P33" s="14">
        <v>62358</v>
      </c>
      <c r="Q33" s="14">
        <v>0</v>
      </c>
      <c r="R33" s="14">
        <v>269562</v>
      </c>
      <c r="S33" s="14">
        <v>3473</v>
      </c>
      <c r="T33" s="13" t="s">
        <v>285</v>
      </c>
    </row>
    <row r="34" spans="1:20" ht="12" customHeight="1" x14ac:dyDescent="0.15">
      <c r="A34" s="16" t="s">
        <v>283</v>
      </c>
      <c r="B34" s="15" t="s">
        <v>284</v>
      </c>
      <c r="C34" s="14">
        <v>22</v>
      </c>
      <c r="D34" s="14">
        <v>315</v>
      </c>
      <c r="E34" s="14">
        <v>122</v>
      </c>
      <c r="F34" s="14">
        <v>187</v>
      </c>
      <c r="G34" s="14">
        <v>4</v>
      </c>
      <c r="H34" s="14">
        <v>2</v>
      </c>
      <c r="I34" s="14">
        <v>103813</v>
      </c>
      <c r="J34" s="14">
        <v>1566181</v>
      </c>
      <c r="K34" s="14">
        <v>2146359</v>
      </c>
      <c r="L34" s="14">
        <v>2074714</v>
      </c>
      <c r="M34" s="14">
        <v>9291</v>
      </c>
      <c r="N34" s="14">
        <v>0</v>
      </c>
      <c r="O34" s="14">
        <v>60854</v>
      </c>
      <c r="P34" s="14">
        <v>1500</v>
      </c>
      <c r="Q34" s="14">
        <v>0</v>
      </c>
      <c r="R34" s="14" t="s">
        <v>5</v>
      </c>
      <c r="S34" s="14">
        <v>0</v>
      </c>
      <c r="T34" s="13" t="s">
        <v>283</v>
      </c>
    </row>
    <row r="35" spans="1:20" ht="12" customHeight="1" x14ac:dyDescent="0.15">
      <c r="A35" s="16" t="s">
        <v>281</v>
      </c>
      <c r="B35" s="15" t="s">
        <v>282</v>
      </c>
      <c r="C35" s="14">
        <v>52</v>
      </c>
      <c r="D35" s="14">
        <v>522</v>
      </c>
      <c r="E35" s="14">
        <v>227</v>
      </c>
      <c r="F35" s="14">
        <v>284</v>
      </c>
      <c r="G35" s="14">
        <v>6</v>
      </c>
      <c r="H35" s="14">
        <v>5</v>
      </c>
      <c r="I35" s="14">
        <v>154030</v>
      </c>
      <c r="J35" s="14">
        <v>361593</v>
      </c>
      <c r="K35" s="14">
        <v>683596</v>
      </c>
      <c r="L35" s="14">
        <v>612607</v>
      </c>
      <c r="M35" s="14">
        <v>54381</v>
      </c>
      <c r="N35" s="14">
        <v>0</v>
      </c>
      <c r="O35" s="14">
        <v>14977</v>
      </c>
      <c r="P35" s="14">
        <v>1631</v>
      </c>
      <c r="Q35" s="14">
        <v>0</v>
      </c>
      <c r="R35" s="14" t="s">
        <v>5</v>
      </c>
      <c r="S35" s="14" t="s">
        <v>5</v>
      </c>
      <c r="T35" s="13" t="s">
        <v>281</v>
      </c>
    </row>
    <row r="36" spans="1:20" ht="10.5" customHeight="1" x14ac:dyDescent="0.15">
      <c r="A36" s="16" t="s">
        <v>279</v>
      </c>
      <c r="B36" s="15" t="s">
        <v>280</v>
      </c>
      <c r="C36" s="14">
        <v>92</v>
      </c>
      <c r="D36" s="14">
        <v>1107</v>
      </c>
      <c r="E36" s="14">
        <v>510</v>
      </c>
      <c r="F36" s="14">
        <v>573</v>
      </c>
      <c r="G36" s="14">
        <v>12</v>
      </c>
      <c r="H36" s="14">
        <v>12</v>
      </c>
      <c r="I36" s="14">
        <v>343204</v>
      </c>
      <c r="J36" s="14">
        <v>613620</v>
      </c>
      <c r="K36" s="14">
        <v>1146468</v>
      </c>
      <c r="L36" s="14">
        <v>848944</v>
      </c>
      <c r="M36" s="14">
        <v>129231</v>
      </c>
      <c r="N36" s="14">
        <v>1058</v>
      </c>
      <c r="O36" s="14">
        <v>159938</v>
      </c>
      <c r="P36" s="14">
        <v>7297</v>
      </c>
      <c r="Q36" s="14">
        <v>0</v>
      </c>
      <c r="R36" s="14">
        <v>189996</v>
      </c>
      <c r="S36" s="14">
        <v>4729</v>
      </c>
      <c r="T36" s="13" t="s">
        <v>279</v>
      </c>
    </row>
    <row r="37" spans="1:20" ht="9.75" customHeight="1" x14ac:dyDescent="0.15">
      <c r="A37" s="16"/>
      <c r="B37" s="15"/>
      <c r="C37" s="14"/>
      <c r="D37" s="14"/>
      <c r="E37" s="14"/>
      <c r="F37" s="14"/>
      <c r="G37" s="14"/>
      <c r="H37" s="14"/>
      <c r="I37" s="14"/>
      <c r="J37" s="14"/>
      <c r="K37" s="14"/>
      <c r="L37" s="14"/>
      <c r="M37" s="14"/>
      <c r="N37" s="14"/>
      <c r="O37" s="14"/>
      <c r="P37" s="14"/>
      <c r="Q37" s="14"/>
      <c r="R37" s="14"/>
      <c r="S37" s="14"/>
      <c r="T37" s="13"/>
    </row>
    <row r="38" spans="1:20" s="18" customFormat="1" ht="12" customHeight="1" x14ac:dyDescent="0.15">
      <c r="A38" s="22" t="s">
        <v>277</v>
      </c>
      <c r="B38" s="21" t="s">
        <v>278</v>
      </c>
      <c r="C38" s="20">
        <v>53</v>
      </c>
      <c r="D38" s="20">
        <v>732</v>
      </c>
      <c r="E38" s="20">
        <v>576</v>
      </c>
      <c r="F38" s="20">
        <v>145</v>
      </c>
      <c r="G38" s="20">
        <v>8</v>
      </c>
      <c r="H38" s="20">
        <v>3</v>
      </c>
      <c r="I38" s="20">
        <v>297244</v>
      </c>
      <c r="J38" s="20">
        <v>1406649</v>
      </c>
      <c r="K38" s="20">
        <v>2025360</v>
      </c>
      <c r="L38" s="20">
        <v>1337363</v>
      </c>
      <c r="M38" s="20">
        <v>137426</v>
      </c>
      <c r="N38" s="20">
        <v>65</v>
      </c>
      <c r="O38" s="20">
        <v>542811</v>
      </c>
      <c r="P38" s="20">
        <v>7695</v>
      </c>
      <c r="Q38" s="20">
        <v>0</v>
      </c>
      <c r="R38" s="20">
        <v>233813</v>
      </c>
      <c r="S38" s="20">
        <v>22921</v>
      </c>
      <c r="T38" s="19" t="s">
        <v>277</v>
      </c>
    </row>
    <row r="39" spans="1:20" ht="12" customHeight="1" x14ac:dyDescent="0.15">
      <c r="A39" s="16" t="s">
        <v>275</v>
      </c>
      <c r="B39" s="15" t="s">
        <v>276</v>
      </c>
      <c r="C39" s="14">
        <v>7</v>
      </c>
      <c r="D39" s="14">
        <v>97</v>
      </c>
      <c r="E39" s="14">
        <v>76</v>
      </c>
      <c r="F39" s="14">
        <v>18</v>
      </c>
      <c r="G39" s="14">
        <v>2</v>
      </c>
      <c r="H39" s="14">
        <v>1</v>
      </c>
      <c r="I39" s="14">
        <v>38679</v>
      </c>
      <c r="J39" s="14">
        <v>122892</v>
      </c>
      <c r="K39" s="14">
        <v>234139</v>
      </c>
      <c r="L39" s="14">
        <v>228949</v>
      </c>
      <c r="M39" s="14">
        <v>4894</v>
      </c>
      <c r="N39" s="14">
        <v>0</v>
      </c>
      <c r="O39" s="14">
        <v>0</v>
      </c>
      <c r="P39" s="14">
        <v>296</v>
      </c>
      <c r="Q39" s="14">
        <v>0</v>
      </c>
      <c r="R39" s="14">
        <v>0</v>
      </c>
      <c r="S39" s="14">
        <v>0</v>
      </c>
      <c r="T39" s="13" t="s">
        <v>275</v>
      </c>
    </row>
    <row r="40" spans="1:20" ht="12" customHeight="1" x14ac:dyDescent="0.15">
      <c r="A40" s="16" t="s">
        <v>273</v>
      </c>
      <c r="B40" s="15" t="s">
        <v>274</v>
      </c>
      <c r="C40" s="14">
        <v>20</v>
      </c>
      <c r="D40" s="14">
        <v>236</v>
      </c>
      <c r="E40" s="14">
        <v>173</v>
      </c>
      <c r="F40" s="14">
        <v>61</v>
      </c>
      <c r="G40" s="14">
        <v>1</v>
      </c>
      <c r="H40" s="14">
        <v>1</v>
      </c>
      <c r="I40" s="14">
        <v>87330</v>
      </c>
      <c r="J40" s="14">
        <v>444671</v>
      </c>
      <c r="K40" s="14">
        <v>601412</v>
      </c>
      <c r="L40" s="14">
        <v>308239</v>
      </c>
      <c r="M40" s="14">
        <v>102385</v>
      </c>
      <c r="N40" s="14">
        <v>0</v>
      </c>
      <c r="O40" s="14">
        <v>183739</v>
      </c>
      <c r="P40" s="14">
        <v>7049</v>
      </c>
      <c r="Q40" s="14">
        <v>0</v>
      </c>
      <c r="R40" s="14" t="s">
        <v>5</v>
      </c>
      <c r="S40" s="14" t="s">
        <v>5</v>
      </c>
      <c r="T40" s="13" t="s">
        <v>273</v>
      </c>
    </row>
    <row r="41" spans="1:20" ht="12" customHeight="1" x14ac:dyDescent="0.15">
      <c r="A41" s="16" t="s">
        <v>271</v>
      </c>
      <c r="B41" s="15" t="s">
        <v>272</v>
      </c>
      <c r="C41" s="14">
        <v>18</v>
      </c>
      <c r="D41" s="14">
        <v>195</v>
      </c>
      <c r="E41" s="14">
        <v>156</v>
      </c>
      <c r="F41" s="14">
        <v>37</v>
      </c>
      <c r="G41" s="14">
        <v>2</v>
      </c>
      <c r="H41" s="14">
        <v>0</v>
      </c>
      <c r="I41" s="14">
        <v>108567</v>
      </c>
      <c r="J41" s="14">
        <v>414036</v>
      </c>
      <c r="K41" s="14">
        <v>573713</v>
      </c>
      <c r="L41" s="14">
        <v>258884</v>
      </c>
      <c r="M41" s="14">
        <v>0</v>
      </c>
      <c r="N41" s="14">
        <v>0</v>
      </c>
      <c r="O41" s="14">
        <v>314829</v>
      </c>
      <c r="P41" s="14">
        <v>0</v>
      </c>
      <c r="Q41" s="14">
        <v>0</v>
      </c>
      <c r="R41" s="14">
        <v>0</v>
      </c>
      <c r="S41" s="14">
        <v>0</v>
      </c>
      <c r="T41" s="13" t="s">
        <v>271</v>
      </c>
    </row>
    <row r="42" spans="1:20" ht="12" customHeight="1" x14ac:dyDescent="0.15">
      <c r="A42" s="16" t="s">
        <v>269</v>
      </c>
      <c r="B42" s="15" t="s">
        <v>270</v>
      </c>
      <c r="C42" s="14">
        <v>8</v>
      </c>
      <c r="D42" s="14">
        <v>204</v>
      </c>
      <c r="E42" s="14">
        <v>171</v>
      </c>
      <c r="F42" s="14">
        <v>29</v>
      </c>
      <c r="G42" s="14">
        <v>3</v>
      </c>
      <c r="H42" s="14">
        <v>1</v>
      </c>
      <c r="I42" s="14">
        <v>62668</v>
      </c>
      <c r="J42" s="14">
        <v>425050</v>
      </c>
      <c r="K42" s="14">
        <v>616096</v>
      </c>
      <c r="L42" s="14">
        <v>541291</v>
      </c>
      <c r="M42" s="14">
        <v>30147</v>
      </c>
      <c r="N42" s="14">
        <v>65</v>
      </c>
      <c r="O42" s="14">
        <v>44243</v>
      </c>
      <c r="P42" s="14">
        <v>350</v>
      </c>
      <c r="Q42" s="14">
        <v>0</v>
      </c>
      <c r="R42" s="14" t="s">
        <v>5</v>
      </c>
      <c r="S42" s="14" t="s">
        <v>5</v>
      </c>
      <c r="T42" s="13" t="s">
        <v>269</v>
      </c>
    </row>
    <row r="43" spans="1:20" ht="9.75" customHeight="1" x14ac:dyDescent="0.15">
      <c r="A43" s="16"/>
      <c r="B43" s="15"/>
      <c r="C43" s="14"/>
      <c r="D43" s="14"/>
      <c r="E43" s="14"/>
      <c r="F43" s="14"/>
      <c r="G43" s="14"/>
      <c r="H43" s="14"/>
      <c r="I43" s="14"/>
      <c r="J43" s="14"/>
      <c r="K43" s="14"/>
      <c r="L43" s="14"/>
      <c r="M43" s="14"/>
      <c r="N43" s="14"/>
      <c r="O43" s="14"/>
      <c r="P43" s="14"/>
      <c r="Q43" s="14"/>
      <c r="R43" s="14"/>
      <c r="S43" s="14"/>
      <c r="T43" s="13"/>
    </row>
    <row r="44" spans="1:20" s="18" customFormat="1" ht="12" customHeight="1" x14ac:dyDescent="0.15">
      <c r="A44" s="22" t="s">
        <v>267</v>
      </c>
      <c r="B44" s="21" t="s">
        <v>268</v>
      </c>
      <c r="C44" s="20">
        <v>158</v>
      </c>
      <c r="D44" s="20">
        <v>1569</v>
      </c>
      <c r="E44" s="20">
        <v>1116</v>
      </c>
      <c r="F44" s="20">
        <v>414</v>
      </c>
      <c r="G44" s="20">
        <v>27</v>
      </c>
      <c r="H44" s="20">
        <v>12</v>
      </c>
      <c r="I44" s="20">
        <v>539063</v>
      </c>
      <c r="J44" s="20">
        <v>890099</v>
      </c>
      <c r="K44" s="20">
        <v>1768561</v>
      </c>
      <c r="L44" s="20">
        <v>1586175</v>
      </c>
      <c r="M44" s="20">
        <v>93793</v>
      </c>
      <c r="N44" s="20">
        <v>3078</v>
      </c>
      <c r="O44" s="20">
        <v>53601</v>
      </c>
      <c r="P44" s="20">
        <v>31914</v>
      </c>
      <c r="Q44" s="20">
        <v>0</v>
      </c>
      <c r="R44" s="20">
        <v>194893</v>
      </c>
      <c r="S44" s="20">
        <v>45979</v>
      </c>
      <c r="T44" s="19" t="s">
        <v>267</v>
      </c>
    </row>
    <row r="45" spans="1:20" ht="12" customHeight="1" x14ac:dyDescent="0.15">
      <c r="A45" s="16" t="s">
        <v>265</v>
      </c>
      <c r="B45" s="15" t="s">
        <v>266</v>
      </c>
      <c r="C45" s="14">
        <v>80</v>
      </c>
      <c r="D45" s="14">
        <v>810</v>
      </c>
      <c r="E45" s="14">
        <v>633</v>
      </c>
      <c r="F45" s="14">
        <v>159</v>
      </c>
      <c r="G45" s="14">
        <v>14</v>
      </c>
      <c r="H45" s="14">
        <v>4</v>
      </c>
      <c r="I45" s="14">
        <v>277017</v>
      </c>
      <c r="J45" s="14">
        <v>547088</v>
      </c>
      <c r="K45" s="14">
        <v>1033561</v>
      </c>
      <c r="L45" s="14">
        <v>957094</v>
      </c>
      <c r="M45" s="14">
        <v>49500</v>
      </c>
      <c r="N45" s="14">
        <v>727</v>
      </c>
      <c r="O45" s="14">
        <v>6064</v>
      </c>
      <c r="P45" s="14">
        <v>20176</v>
      </c>
      <c r="Q45" s="14">
        <v>0</v>
      </c>
      <c r="R45" s="14" t="s">
        <v>5</v>
      </c>
      <c r="S45" s="14" t="s">
        <v>5</v>
      </c>
      <c r="T45" s="13" t="s">
        <v>265</v>
      </c>
    </row>
    <row r="46" spans="1:20" ht="12" customHeight="1" x14ac:dyDescent="0.15">
      <c r="A46" s="16" t="s">
        <v>263</v>
      </c>
      <c r="B46" s="15" t="s">
        <v>264</v>
      </c>
      <c r="C46" s="14">
        <v>14</v>
      </c>
      <c r="D46" s="14">
        <v>172</v>
      </c>
      <c r="E46" s="14">
        <v>74</v>
      </c>
      <c r="F46" s="14">
        <v>95</v>
      </c>
      <c r="G46" s="14">
        <v>1</v>
      </c>
      <c r="H46" s="14">
        <v>2</v>
      </c>
      <c r="I46" s="14">
        <v>50499</v>
      </c>
      <c r="J46" s="14">
        <v>79482</v>
      </c>
      <c r="K46" s="14">
        <v>161952</v>
      </c>
      <c r="L46" s="14">
        <v>122933</v>
      </c>
      <c r="M46" s="14">
        <v>0</v>
      </c>
      <c r="N46" s="14">
        <v>2266</v>
      </c>
      <c r="O46" s="14">
        <v>36753</v>
      </c>
      <c r="P46" s="14">
        <v>0</v>
      </c>
      <c r="Q46" s="14">
        <v>0</v>
      </c>
      <c r="R46" s="14" t="s">
        <v>5</v>
      </c>
      <c r="S46" s="14" t="s">
        <v>5</v>
      </c>
      <c r="T46" s="13" t="s">
        <v>263</v>
      </c>
    </row>
    <row r="47" spans="1:20" ht="12" customHeight="1" x14ac:dyDescent="0.15">
      <c r="A47" s="16" t="s">
        <v>261</v>
      </c>
      <c r="B47" s="15" t="s">
        <v>262</v>
      </c>
      <c r="C47" s="14">
        <v>15</v>
      </c>
      <c r="D47" s="14">
        <v>112</v>
      </c>
      <c r="E47" s="14">
        <v>72</v>
      </c>
      <c r="F47" s="14">
        <v>29</v>
      </c>
      <c r="G47" s="14">
        <v>8</v>
      </c>
      <c r="H47" s="14">
        <v>3</v>
      </c>
      <c r="I47" s="14">
        <v>29302</v>
      </c>
      <c r="J47" s="14">
        <v>66377</v>
      </c>
      <c r="K47" s="14">
        <v>121174</v>
      </c>
      <c r="L47" s="14">
        <v>109385</v>
      </c>
      <c r="M47" s="14">
        <v>1704</v>
      </c>
      <c r="N47" s="14">
        <v>0</v>
      </c>
      <c r="O47" s="14">
        <v>4800</v>
      </c>
      <c r="P47" s="14">
        <v>5285</v>
      </c>
      <c r="Q47" s="14">
        <v>0</v>
      </c>
      <c r="R47" s="14">
        <v>0</v>
      </c>
      <c r="S47" s="14">
        <v>0</v>
      </c>
      <c r="T47" s="13" t="s">
        <v>261</v>
      </c>
    </row>
    <row r="48" spans="1:20" ht="12" customHeight="1" x14ac:dyDescent="0.15">
      <c r="A48" s="16" t="s">
        <v>259</v>
      </c>
      <c r="B48" s="15" t="s">
        <v>260</v>
      </c>
      <c r="C48" s="14">
        <v>49</v>
      </c>
      <c r="D48" s="14">
        <v>475</v>
      </c>
      <c r="E48" s="14">
        <v>337</v>
      </c>
      <c r="F48" s="14">
        <v>131</v>
      </c>
      <c r="G48" s="14">
        <v>4</v>
      </c>
      <c r="H48" s="14">
        <v>3</v>
      </c>
      <c r="I48" s="14">
        <v>182245</v>
      </c>
      <c r="J48" s="14">
        <v>197152</v>
      </c>
      <c r="K48" s="14">
        <v>451874</v>
      </c>
      <c r="L48" s="14">
        <v>396763</v>
      </c>
      <c r="M48" s="14">
        <v>42589</v>
      </c>
      <c r="N48" s="14">
        <v>85</v>
      </c>
      <c r="O48" s="14">
        <v>5984</v>
      </c>
      <c r="P48" s="14">
        <v>6453</v>
      </c>
      <c r="Q48" s="14">
        <v>0</v>
      </c>
      <c r="R48" s="14" t="s">
        <v>5</v>
      </c>
      <c r="S48" s="14">
        <v>0</v>
      </c>
      <c r="T48" s="13" t="s">
        <v>259</v>
      </c>
    </row>
    <row r="49" spans="1:20" ht="9.75" customHeight="1" x14ac:dyDescent="0.15">
      <c r="A49" s="16"/>
      <c r="B49" s="15"/>
      <c r="C49" s="14"/>
      <c r="D49" s="14"/>
      <c r="E49" s="14"/>
      <c r="F49" s="14"/>
      <c r="G49" s="14"/>
      <c r="H49" s="14"/>
      <c r="I49" s="14"/>
      <c r="J49" s="14"/>
      <c r="K49" s="14"/>
      <c r="L49" s="14"/>
      <c r="M49" s="14"/>
      <c r="N49" s="14"/>
      <c r="O49" s="14"/>
      <c r="P49" s="14"/>
      <c r="Q49" s="14"/>
      <c r="R49" s="14"/>
      <c r="S49" s="14"/>
      <c r="T49" s="13"/>
    </row>
    <row r="50" spans="1:20" s="18" customFormat="1" ht="12" customHeight="1" x14ac:dyDescent="0.15">
      <c r="A50" s="22" t="s">
        <v>257</v>
      </c>
      <c r="B50" s="21" t="s">
        <v>258</v>
      </c>
      <c r="C50" s="20">
        <v>321</v>
      </c>
      <c r="D50" s="20">
        <v>4446</v>
      </c>
      <c r="E50" s="20">
        <v>3028</v>
      </c>
      <c r="F50" s="20">
        <v>1344</v>
      </c>
      <c r="G50" s="20">
        <v>52</v>
      </c>
      <c r="H50" s="20">
        <v>22</v>
      </c>
      <c r="I50" s="20">
        <v>1684617</v>
      </c>
      <c r="J50" s="20">
        <v>6142113</v>
      </c>
      <c r="K50" s="20">
        <v>11018662</v>
      </c>
      <c r="L50" s="20">
        <v>9747171</v>
      </c>
      <c r="M50" s="20">
        <v>958966</v>
      </c>
      <c r="N50" s="20">
        <v>0</v>
      </c>
      <c r="O50" s="20">
        <v>277106</v>
      </c>
      <c r="P50" s="20">
        <v>35419</v>
      </c>
      <c r="Q50" s="20">
        <v>0</v>
      </c>
      <c r="R50" s="20">
        <v>2739405</v>
      </c>
      <c r="S50" s="20">
        <v>185674</v>
      </c>
      <c r="T50" s="19" t="s">
        <v>257</v>
      </c>
    </row>
    <row r="51" spans="1:20" ht="12" customHeight="1" x14ac:dyDescent="0.15">
      <c r="A51" s="16" t="s">
        <v>255</v>
      </c>
      <c r="B51" s="15" t="s">
        <v>256</v>
      </c>
      <c r="C51" s="14">
        <v>6</v>
      </c>
      <c r="D51" s="14">
        <v>439</v>
      </c>
      <c r="E51" s="14">
        <v>406</v>
      </c>
      <c r="F51" s="14">
        <v>33</v>
      </c>
      <c r="G51" s="14">
        <v>0</v>
      </c>
      <c r="H51" s="14">
        <v>0</v>
      </c>
      <c r="I51" s="14">
        <v>288056</v>
      </c>
      <c r="J51" s="14">
        <v>2453648</v>
      </c>
      <c r="K51" s="14">
        <v>4367642</v>
      </c>
      <c r="L51" s="14">
        <v>4338130</v>
      </c>
      <c r="M51" s="14">
        <v>4230</v>
      </c>
      <c r="N51" s="14">
        <v>0</v>
      </c>
      <c r="O51" s="14">
        <v>0</v>
      </c>
      <c r="P51" s="14">
        <v>25282</v>
      </c>
      <c r="Q51" s="14">
        <v>0</v>
      </c>
      <c r="R51" s="14">
        <v>1581263</v>
      </c>
      <c r="S51" s="14">
        <v>154106</v>
      </c>
      <c r="T51" s="13" t="s">
        <v>255</v>
      </c>
    </row>
    <row r="52" spans="1:20" ht="12" customHeight="1" x14ac:dyDescent="0.15">
      <c r="A52" s="16" t="s">
        <v>253</v>
      </c>
      <c r="B52" s="15" t="s">
        <v>254</v>
      </c>
      <c r="C52" s="14">
        <v>8</v>
      </c>
      <c r="D52" s="14">
        <v>381</v>
      </c>
      <c r="E52" s="14">
        <v>312</v>
      </c>
      <c r="F52" s="14">
        <v>69</v>
      </c>
      <c r="G52" s="14">
        <v>0</v>
      </c>
      <c r="H52" s="14">
        <v>0</v>
      </c>
      <c r="I52" s="14">
        <v>199122</v>
      </c>
      <c r="J52" s="14">
        <v>397092</v>
      </c>
      <c r="K52" s="14">
        <v>663937</v>
      </c>
      <c r="L52" s="14">
        <v>648090</v>
      </c>
      <c r="M52" s="14">
        <v>9347</v>
      </c>
      <c r="N52" s="14">
        <v>0</v>
      </c>
      <c r="O52" s="14">
        <v>0</v>
      </c>
      <c r="P52" s="14">
        <v>6500</v>
      </c>
      <c r="Q52" s="14">
        <v>0</v>
      </c>
      <c r="R52" s="14" t="s">
        <v>5</v>
      </c>
      <c r="S52" s="14" t="s">
        <v>5</v>
      </c>
      <c r="T52" s="13" t="s">
        <v>253</v>
      </c>
    </row>
    <row r="53" spans="1:20" ht="12" customHeight="1" x14ac:dyDescent="0.15">
      <c r="A53" s="16" t="s">
        <v>251</v>
      </c>
      <c r="B53" s="15" t="s">
        <v>252</v>
      </c>
      <c r="C53" s="14">
        <v>63</v>
      </c>
      <c r="D53" s="14">
        <v>797</v>
      </c>
      <c r="E53" s="14">
        <v>446</v>
      </c>
      <c r="F53" s="14">
        <v>337</v>
      </c>
      <c r="G53" s="14">
        <v>10</v>
      </c>
      <c r="H53" s="14">
        <v>4</v>
      </c>
      <c r="I53" s="14">
        <v>261555</v>
      </c>
      <c r="J53" s="14">
        <v>719137</v>
      </c>
      <c r="K53" s="14">
        <v>1264134</v>
      </c>
      <c r="L53" s="14">
        <v>1087338</v>
      </c>
      <c r="M53" s="14">
        <v>154150</v>
      </c>
      <c r="N53" s="14">
        <v>0</v>
      </c>
      <c r="O53" s="14">
        <v>22646</v>
      </c>
      <c r="P53" s="14">
        <v>0</v>
      </c>
      <c r="Q53" s="14">
        <v>0</v>
      </c>
      <c r="R53" s="14">
        <v>255494</v>
      </c>
      <c r="S53" s="14">
        <v>6669</v>
      </c>
      <c r="T53" s="13" t="s">
        <v>251</v>
      </c>
    </row>
    <row r="54" spans="1:20" ht="12" customHeight="1" x14ac:dyDescent="0.15">
      <c r="A54" s="16" t="s">
        <v>249</v>
      </c>
      <c r="B54" s="15" t="s">
        <v>250</v>
      </c>
      <c r="C54" s="14">
        <v>177</v>
      </c>
      <c r="D54" s="14">
        <v>2239</v>
      </c>
      <c r="E54" s="14">
        <v>1517</v>
      </c>
      <c r="F54" s="14">
        <v>686</v>
      </c>
      <c r="G54" s="14">
        <v>25</v>
      </c>
      <c r="H54" s="14">
        <v>11</v>
      </c>
      <c r="I54" s="14">
        <v>735645</v>
      </c>
      <c r="J54" s="14">
        <v>2091182</v>
      </c>
      <c r="K54" s="14">
        <v>3813001</v>
      </c>
      <c r="L54" s="14">
        <v>3175993</v>
      </c>
      <c r="M54" s="14">
        <v>569376</v>
      </c>
      <c r="N54" s="14">
        <v>0</v>
      </c>
      <c r="O54" s="14">
        <v>65306</v>
      </c>
      <c r="P54" s="14">
        <v>2326</v>
      </c>
      <c r="Q54" s="14">
        <v>0</v>
      </c>
      <c r="R54" s="14">
        <v>590720</v>
      </c>
      <c r="S54" s="14">
        <v>17684</v>
      </c>
      <c r="T54" s="13" t="s">
        <v>249</v>
      </c>
    </row>
    <row r="55" spans="1:20" ht="12" customHeight="1" x14ac:dyDescent="0.15">
      <c r="A55" s="16" t="s">
        <v>247</v>
      </c>
      <c r="B55" s="15" t="s">
        <v>248</v>
      </c>
      <c r="C55" s="14">
        <v>67</v>
      </c>
      <c r="D55" s="14">
        <v>590</v>
      </c>
      <c r="E55" s="14">
        <v>347</v>
      </c>
      <c r="F55" s="14">
        <v>219</v>
      </c>
      <c r="G55" s="14">
        <v>17</v>
      </c>
      <c r="H55" s="14">
        <v>7</v>
      </c>
      <c r="I55" s="14">
        <v>200239</v>
      </c>
      <c r="J55" s="14">
        <v>481054</v>
      </c>
      <c r="K55" s="14">
        <v>909948</v>
      </c>
      <c r="L55" s="14">
        <v>497620</v>
      </c>
      <c r="M55" s="14">
        <v>221863</v>
      </c>
      <c r="N55" s="14">
        <v>0</v>
      </c>
      <c r="O55" s="14">
        <v>189154</v>
      </c>
      <c r="P55" s="14">
        <v>1311</v>
      </c>
      <c r="Q55" s="14">
        <v>0</v>
      </c>
      <c r="R55" s="14" t="s">
        <v>5</v>
      </c>
      <c r="S55" s="14" t="s">
        <v>5</v>
      </c>
      <c r="T55" s="13" t="s">
        <v>247</v>
      </c>
    </row>
    <row r="56" spans="1:20" ht="9.75" customHeight="1" x14ac:dyDescent="0.15">
      <c r="A56" s="16"/>
      <c r="B56" s="15"/>
      <c r="C56" s="14"/>
      <c r="D56" s="14"/>
      <c r="E56" s="14"/>
      <c r="F56" s="14"/>
      <c r="G56" s="14"/>
      <c r="H56" s="14"/>
      <c r="I56" s="14"/>
      <c r="J56" s="14"/>
      <c r="K56" s="14"/>
      <c r="L56" s="14"/>
      <c r="M56" s="14"/>
      <c r="N56" s="14"/>
      <c r="O56" s="14"/>
      <c r="P56" s="14"/>
      <c r="Q56" s="14"/>
      <c r="R56" s="14"/>
      <c r="S56" s="14"/>
      <c r="T56" s="13"/>
    </row>
    <row r="57" spans="1:20" s="18" customFormat="1" ht="12" customHeight="1" x14ac:dyDescent="0.15">
      <c r="A57" s="22" t="s">
        <v>245</v>
      </c>
      <c r="B57" s="21" t="s">
        <v>246</v>
      </c>
      <c r="C57" s="20">
        <v>976</v>
      </c>
      <c r="D57" s="20">
        <v>15900</v>
      </c>
      <c r="E57" s="20">
        <v>11264</v>
      </c>
      <c r="F57" s="20">
        <v>4468</v>
      </c>
      <c r="G57" s="20">
        <v>113</v>
      </c>
      <c r="H57" s="20">
        <v>55</v>
      </c>
      <c r="I57" s="20">
        <v>6704465</v>
      </c>
      <c r="J57" s="20">
        <v>13523151</v>
      </c>
      <c r="K57" s="20">
        <v>26833929</v>
      </c>
      <c r="L57" s="20">
        <v>21736521</v>
      </c>
      <c r="M57" s="20">
        <v>4819658</v>
      </c>
      <c r="N57" s="20">
        <v>0</v>
      </c>
      <c r="O57" s="20">
        <v>225309</v>
      </c>
      <c r="P57" s="20">
        <v>52441</v>
      </c>
      <c r="Q57" s="20">
        <v>0</v>
      </c>
      <c r="R57" s="20">
        <v>6599670</v>
      </c>
      <c r="S57" s="20">
        <v>364556</v>
      </c>
      <c r="T57" s="19" t="s">
        <v>245</v>
      </c>
    </row>
    <row r="58" spans="1:20" ht="12" customHeight="1" x14ac:dyDescent="0.15">
      <c r="A58" s="16" t="s">
        <v>243</v>
      </c>
      <c r="B58" s="15" t="s">
        <v>244</v>
      </c>
      <c r="C58" s="14">
        <v>667</v>
      </c>
      <c r="D58" s="14">
        <v>12029</v>
      </c>
      <c r="E58" s="14">
        <v>8612</v>
      </c>
      <c r="F58" s="14">
        <v>3319</v>
      </c>
      <c r="G58" s="14">
        <v>67</v>
      </c>
      <c r="H58" s="14">
        <v>31</v>
      </c>
      <c r="I58" s="14">
        <v>5224024</v>
      </c>
      <c r="J58" s="14">
        <v>11914082</v>
      </c>
      <c r="K58" s="14">
        <v>22558042</v>
      </c>
      <c r="L58" s="14">
        <v>19393750</v>
      </c>
      <c r="M58" s="14">
        <v>2921634</v>
      </c>
      <c r="N58" s="14">
        <v>0</v>
      </c>
      <c r="O58" s="14">
        <v>199304</v>
      </c>
      <c r="P58" s="14">
        <v>43354</v>
      </c>
      <c r="Q58" s="14">
        <v>0</v>
      </c>
      <c r="R58" s="14">
        <v>5583135</v>
      </c>
      <c r="S58" s="14">
        <v>315831</v>
      </c>
      <c r="T58" s="13" t="s">
        <v>243</v>
      </c>
    </row>
    <row r="59" spans="1:20" ht="12" customHeight="1" x14ac:dyDescent="0.15">
      <c r="A59" s="16" t="s">
        <v>241</v>
      </c>
      <c r="B59" s="15" t="s">
        <v>242</v>
      </c>
      <c r="C59" s="14">
        <v>91</v>
      </c>
      <c r="D59" s="14">
        <v>1834</v>
      </c>
      <c r="E59" s="14">
        <v>1387</v>
      </c>
      <c r="F59" s="14">
        <v>443</v>
      </c>
      <c r="G59" s="14">
        <v>3</v>
      </c>
      <c r="H59" s="14">
        <v>1</v>
      </c>
      <c r="I59" s="14">
        <v>813234</v>
      </c>
      <c r="J59" s="14">
        <v>1096319</v>
      </c>
      <c r="K59" s="14">
        <v>2552230</v>
      </c>
      <c r="L59" s="14">
        <v>2329670</v>
      </c>
      <c r="M59" s="14">
        <v>191225</v>
      </c>
      <c r="N59" s="14">
        <v>0</v>
      </c>
      <c r="O59" s="14">
        <v>23748</v>
      </c>
      <c r="P59" s="14">
        <v>7587</v>
      </c>
      <c r="Q59" s="14">
        <v>0</v>
      </c>
      <c r="R59" s="14">
        <v>825775</v>
      </c>
      <c r="S59" s="14">
        <v>46122</v>
      </c>
      <c r="T59" s="13" t="s">
        <v>241</v>
      </c>
    </row>
    <row r="60" spans="1:20" ht="12" customHeight="1" x14ac:dyDescent="0.15">
      <c r="A60" s="16" t="s">
        <v>239</v>
      </c>
      <c r="B60" s="15" t="s">
        <v>240</v>
      </c>
      <c r="C60" s="14">
        <v>212</v>
      </c>
      <c r="D60" s="14">
        <v>2001</v>
      </c>
      <c r="E60" s="14">
        <v>1243</v>
      </c>
      <c r="F60" s="14">
        <v>692</v>
      </c>
      <c r="G60" s="14">
        <v>43</v>
      </c>
      <c r="H60" s="14">
        <v>23</v>
      </c>
      <c r="I60" s="14">
        <v>650813</v>
      </c>
      <c r="J60" s="14">
        <v>507355</v>
      </c>
      <c r="K60" s="14">
        <v>1693409</v>
      </c>
      <c r="L60" s="14">
        <v>13044</v>
      </c>
      <c r="M60" s="14">
        <v>1676608</v>
      </c>
      <c r="N60" s="14">
        <v>0</v>
      </c>
      <c r="O60" s="14">
        <v>2257</v>
      </c>
      <c r="P60" s="14">
        <v>1500</v>
      </c>
      <c r="Q60" s="14">
        <v>0</v>
      </c>
      <c r="R60" s="14">
        <v>190760</v>
      </c>
      <c r="S60" s="14">
        <v>2603</v>
      </c>
      <c r="T60" s="13" t="s">
        <v>239</v>
      </c>
    </row>
    <row r="61" spans="1:20" ht="12" customHeight="1" x14ac:dyDescent="0.15">
      <c r="A61" s="16" t="s">
        <v>237</v>
      </c>
      <c r="B61" s="15" t="s">
        <v>238</v>
      </c>
      <c r="C61" s="14">
        <v>6</v>
      </c>
      <c r="D61" s="14">
        <v>36</v>
      </c>
      <c r="E61" s="14">
        <v>22</v>
      </c>
      <c r="F61" s="14">
        <v>14</v>
      </c>
      <c r="G61" s="14">
        <v>0</v>
      </c>
      <c r="H61" s="14">
        <v>0</v>
      </c>
      <c r="I61" s="14">
        <v>16394</v>
      </c>
      <c r="J61" s="14">
        <v>5395</v>
      </c>
      <c r="K61" s="14">
        <v>30248</v>
      </c>
      <c r="L61" s="14">
        <v>57</v>
      </c>
      <c r="M61" s="14">
        <v>30191</v>
      </c>
      <c r="N61" s="14">
        <v>0</v>
      </c>
      <c r="O61" s="14">
        <v>0</v>
      </c>
      <c r="P61" s="14">
        <v>0</v>
      </c>
      <c r="Q61" s="14">
        <v>0</v>
      </c>
      <c r="R61" s="14">
        <v>0</v>
      </c>
      <c r="S61" s="14">
        <v>0</v>
      </c>
      <c r="T61" s="13" t="s">
        <v>237</v>
      </c>
    </row>
    <row r="62" spans="1:20" ht="9.75" customHeight="1" x14ac:dyDescent="0.15">
      <c r="A62" s="16"/>
      <c r="B62" s="15"/>
      <c r="C62" s="14"/>
      <c r="D62" s="14"/>
      <c r="E62" s="14"/>
      <c r="F62" s="14"/>
      <c r="G62" s="14"/>
      <c r="H62" s="14"/>
      <c r="I62" s="14"/>
      <c r="J62" s="14"/>
      <c r="K62" s="14"/>
      <c r="L62" s="14"/>
      <c r="M62" s="14"/>
      <c r="N62" s="14"/>
      <c r="O62" s="14"/>
      <c r="P62" s="14"/>
      <c r="Q62" s="14"/>
      <c r="R62" s="14"/>
      <c r="S62" s="14"/>
      <c r="T62" s="13"/>
    </row>
    <row r="63" spans="1:20" s="18" customFormat="1" ht="12" customHeight="1" x14ac:dyDescent="0.15">
      <c r="A63" s="22" t="s">
        <v>235</v>
      </c>
      <c r="B63" s="21" t="s">
        <v>236</v>
      </c>
      <c r="C63" s="20">
        <v>202</v>
      </c>
      <c r="D63" s="20">
        <v>14142</v>
      </c>
      <c r="E63" s="20">
        <v>9464</v>
      </c>
      <c r="F63" s="20">
        <v>4674</v>
      </c>
      <c r="G63" s="20">
        <v>3</v>
      </c>
      <c r="H63" s="20">
        <v>1</v>
      </c>
      <c r="I63" s="20">
        <v>8609160</v>
      </c>
      <c r="J63" s="20">
        <v>23035113</v>
      </c>
      <c r="K63" s="20">
        <v>80073253</v>
      </c>
      <c r="L63" s="20">
        <v>74975332</v>
      </c>
      <c r="M63" s="20">
        <v>1006415</v>
      </c>
      <c r="N63" s="20">
        <v>611</v>
      </c>
      <c r="O63" s="20">
        <v>4002079</v>
      </c>
      <c r="P63" s="20">
        <v>88816</v>
      </c>
      <c r="Q63" s="20">
        <v>0</v>
      </c>
      <c r="R63" s="20">
        <v>51371870</v>
      </c>
      <c r="S63" s="20">
        <v>12431869</v>
      </c>
      <c r="T63" s="19" t="s">
        <v>235</v>
      </c>
    </row>
    <row r="64" spans="1:20" ht="12" customHeight="1" x14ac:dyDescent="0.15">
      <c r="A64" s="16" t="s">
        <v>233</v>
      </c>
      <c r="B64" s="15" t="s">
        <v>234</v>
      </c>
      <c r="C64" s="14">
        <v>1</v>
      </c>
      <c r="D64" s="14">
        <v>31</v>
      </c>
      <c r="E64" s="14">
        <v>26</v>
      </c>
      <c r="F64" s="14">
        <v>5</v>
      </c>
      <c r="G64" s="14">
        <v>0</v>
      </c>
      <c r="H64" s="14">
        <v>0</v>
      </c>
      <c r="I64" s="14" t="s">
        <v>5</v>
      </c>
      <c r="J64" s="14" t="s">
        <v>5</v>
      </c>
      <c r="K64" s="14" t="s">
        <v>5</v>
      </c>
      <c r="L64" s="14" t="s">
        <v>5</v>
      </c>
      <c r="M64" s="14">
        <v>0</v>
      </c>
      <c r="N64" s="14">
        <v>0</v>
      </c>
      <c r="O64" s="14">
        <v>0</v>
      </c>
      <c r="P64" s="14">
        <v>0</v>
      </c>
      <c r="Q64" s="14">
        <v>0</v>
      </c>
      <c r="R64" s="14" t="s">
        <v>5</v>
      </c>
      <c r="S64" s="14" t="s">
        <v>5</v>
      </c>
      <c r="T64" s="13" t="s">
        <v>233</v>
      </c>
    </row>
    <row r="65" spans="1:20" ht="12" customHeight="1" x14ac:dyDescent="0.15">
      <c r="A65" s="16" t="s">
        <v>231</v>
      </c>
      <c r="B65" s="15" t="s">
        <v>232</v>
      </c>
      <c r="C65" s="14">
        <v>19</v>
      </c>
      <c r="D65" s="14">
        <v>874</v>
      </c>
      <c r="E65" s="14">
        <v>761</v>
      </c>
      <c r="F65" s="14">
        <v>113</v>
      </c>
      <c r="G65" s="14">
        <v>0</v>
      </c>
      <c r="H65" s="14">
        <v>0</v>
      </c>
      <c r="I65" s="14" t="s">
        <v>5</v>
      </c>
      <c r="J65" s="14" t="s">
        <v>5</v>
      </c>
      <c r="K65" s="14" t="s">
        <v>5</v>
      </c>
      <c r="L65" s="14" t="s">
        <v>5</v>
      </c>
      <c r="M65" s="14">
        <v>243529</v>
      </c>
      <c r="N65" s="14">
        <v>0</v>
      </c>
      <c r="O65" s="14">
        <v>429348</v>
      </c>
      <c r="P65" s="14">
        <v>0</v>
      </c>
      <c r="Q65" s="14">
        <v>0</v>
      </c>
      <c r="R65" s="14">
        <v>1482441</v>
      </c>
      <c r="S65" s="14">
        <v>62274</v>
      </c>
      <c r="T65" s="13" t="s">
        <v>231</v>
      </c>
    </row>
    <row r="66" spans="1:20" ht="12" customHeight="1" x14ac:dyDescent="0.15">
      <c r="A66" s="16" t="s">
        <v>229</v>
      </c>
      <c r="B66" s="15" t="s">
        <v>230</v>
      </c>
      <c r="C66" s="14">
        <v>25</v>
      </c>
      <c r="D66" s="14">
        <v>807</v>
      </c>
      <c r="E66" s="14">
        <v>671</v>
      </c>
      <c r="F66" s="14">
        <v>135</v>
      </c>
      <c r="G66" s="14">
        <v>0</v>
      </c>
      <c r="H66" s="14">
        <v>1</v>
      </c>
      <c r="I66" s="14">
        <v>474756</v>
      </c>
      <c r="J66" s="14">
        <v>1771915</v>
      </c>
      <c r="K66" s="14">
        <v>3187264</v>
      </c>
      <c r="L66" s="14">
        <v>2673245</v>
      </c>
      <c r="M66" s="14">
        <v>233666</v>
      </c>
      <c r="N66" s="14">
        <v>0</v>
      </c>
      <c r="O66" s="14">
        <v>280353</v>
      </c>
      <c r="P66" s="14">
        <v>0</v>
      </c>
      <c r="Q66" s="14">
        <v>0</v>
      </c>
      <c r="R66" s="14" t="s">
        <v>5</v>
      </c>
      <c r="S66" s="14" t="s">
        <v>5</v>
      </c>
      <c r="T66" s="13" t="s">
        <v>229</v>
      </c>
    </row>
    <row r="67" spans="1:20" ht="12" customHeight="1" x14ac:dyDescent="0.15">
      <c r="A67" s="16" t="s">
        <v>227</v>
      </c>
      <c r="B67" s="17" t="s">
        <v>228</v>
      </c>
      <c r="C67" s="14">
        <v>64</v>
      </c>
      <c r="D67" s="14">
        <v>2461</v>
      </c>
      <c r="E67" s="14">
        <v>1824</v>
      </c>
      <c r="F67" s="14">
        <v>635</v>
      </c>
      <c r="G67" s="14">
        <v>2</v>
      </c>
      <c r="H67" s="14">
        <v>0</v>
      </c>
      <c r="I67" s="14">
        <v>1183117</v>
      </c>
      <c r="J67" s="14">
        <v>4165200</v>
      </c>
      <c r="K67" s="14">
        <v>7583987</v>
      </c>
      <c r="L67" s="14">
        <v>6816555</v>
      </c>
      <c r="M67" s="14">
        <v>67825</v>
      </c>
      <c r="N67" s="14">
        <v>0</v>
      </c>
      <c r="O67" s="14">
        <v>661280</v>
      </c>
      <c r="P67" s="14">
        <v>38327</v>
      </c>
      <c r="Q67" s="14">
        <v>0</v>
      </c>
      <c r="R67" s="14">
        <v>2485528</v>
      </c>
      <c r="S67" s="14">
        <v>243172</v>
      </c>
      <c r="T67" s="13" t="s">
        <v>227</v>
      </c>
    </row>
    <row r="68" spans="1:20" ht="12" customHeight="1" x14ac:dyDescent="0.15">
      <c r="A68" s="16" t="s">
        <v>225</v>
      </c>
      <c r="B68" s="15" t="s">
        <v>226</v>
      </c>
      <c r="C68" s="14">
        <v>29</v>
      </c>
      <c r="D68" s="14">
        <v>6012</v>
      </c>
      <c r="E68" s="14">
        <v>3637</v>
      </c>
      <c r="F68" s="14">
        <v>2375</v>
      </c>
      <c r="G68" s="14">
        <v>0</v>
      </c>
      <c r="H68" s="14">
        <v>0</v>
      </c>
      <c r="I68" s="14">
        <v>4272234</v>
      </c>
      <c r="J68" s="14">
        <v>7786943</v>
      </c>
      <c r="K68" s="14">
        <v>54830651</v>
      </c>
      <c r="L68" s="14">
        <v>52718790</v>
      </c>
      <c r="M68" s="14">
        <v>400593</v>
      </c>
      <c r="N68" s="14">
        <v>611</v>
      </c>
      <c r="O68" s="14">
        <v>1706648</v>
      </c>
      <c r="P68" s="14">
        <v>4009</v>
      </c>
      <c r="Q68" s="14">
        <v>0</v>
      </c>
      <c r="R68" s="14">
        <v>44096857</v>
      </c>
      <c r="S68" s="14">
        <v>11483147</v>
      </c>
      <c r="T68" s="13" t="s">
        <v>225</v>
      </c>
    </row>
    <row r="69" spans="1:20" ht="12" customHeight="1" x14ac:dyDescent="0.15">
      <c r="A69" s="16" t="s">
        <v>223</v>
      </c>
      <c r="B69" s="15" t="s">
        <v>224</v>
      </c>
      <c r="C69" s="14">
        <v>26</v>
      </c>
      <c r="D69" s="14">
        <v>1517</v>
      </c>
      <c r="E69" s="14">
        <v>613</v>
      </c>
      <c r="F69" s="14">
        <v>904</v>
      </c>
      <c r="G69" s="14">
        <v>0</v>
      </c>
      <c r="H69" s="14">
        <v>0</v>
      </c>
      <c r="I69" s="14">
        <v>582565</v>
      </c>
      <c r="J69" s="14">
        <v>2244143</v>
      </c>
      <c r="K69" s="14">
        <v>3192041</v>
      </c>
      <c r="L69" s="14">
        <v>3157397</v>
      </c>
      <c r="M69" s="14">
        <v>3217</v>
      </c>
      <c r="N69" s="14">
        <v>0</v>
      </c>
      <c r="O69" s="14">
        <v>31050</v>
      </c>
      <c r="P69" s="14">
        <v>377</v>
      </c>
      <c r="Q69" s="14">
        <v>0</v>
      </c>
      <c r="R69" s="14">
        <v>622653</v>
      </c>
      <c r="S69" s="14">
        <v>75934</v>
      </c>
      <c r="T69" s="13" t="s">
        <v>223</v>
      </c>
    </row>
    <row r="70" spans="1:20" ht="12" customHeight="1" x14ac:dyDescent="0.15">
      <c r="A70" s="12" t="s">
        <v>221</v>
      </c>
      <c r="B70" s="35" t="s">
        <v>222</v>
      </c>
      <c r="C70" s="10">
        <v>38</v>
      </c>
      <c r="D70" s="10">
        <v>2440</v>
      </c>
      <c r="E70" s="10">
        <v>1932</v>
      </c>
      <c r="F70" s="10">
        <v>507</v>
      </c>
      <c r="G70" s="10">
        <v>1</v>
      </c>
      <c r="H70" s="10">
        <v>0</v>
      </c>
      <c r="I70" s="10">
        <v>1534713</v>
      </c>
      <c r="J70" s="10">
        <v>4753895</v>
      </c>
      <c r="K70" s="10">
        <v>7201343</v>
      </c>
      <c r="L70" s="10">
        <v>6204255</v>
      </c>
      <c r="M70" s="10">
        <v>57585</v>
      </c>
      <c r="N70" s="10">
        <v>0</v>
      </c>
      <c r="O70" s="10">
        <v>893400</v>
      </c>
      <c r="P70" s="10">
        <v>46103</v>
      </c>
      <c r="Q70" s="10">
        <v>0</v>
      </c>
      <c r="R70" s="10">
        <v>1913542</v>
      </c>
      <c r="S70" s="10">
        <v>454472</v>
      </c>
      <c r="T70" s="34" t="s">
        <v>221</v>
      </c>
    </row>
    <row r="71" spans="1:20" ht="12" customHeight="1" x14ac:dyDescent="0.15">
      <c r="A71" s="28"/>
      <c r="B71" s="27"/>
      <c r="C71" s="14"/>
      <c r="D71" s="14"/>
      <c r="E71" s="14"/>
      <c r="F71" s="14"/>
      <c r="G71" s="14"/>
      <c r="H71" s="14"/>
      <c r="I71" s="14"/>
      <c r="J71" s="14"/>
      <c r="K71" s="14"/>
      <c r="L71" s="14"/>
      <c r="M71" s="14"/>
      <c r="N71" s="14"/>
      <c r="O71" s="14"/>
      <c r="P71" s="14"/>
      <c r="Q71" s="14"/>
      <c r="R71" s="14"/>
      <c r="S71" s="14"/>
      <c r="T71" s="26"/>
    </row>
    <row r="72" spans="1:20" s="18" customFormat="1" ht="12" customHeight="1" x14ac:dyDescent="0.15">
      <c r="A72" s="33" t="s">
        <v>219</v>
      </c>
      <c r="B72" s="32" t="s">
        <v>220</v>
      </c>
      <c r="C72" s="20">
        <v>13</v>
      </c>
      <c r="D72" s="20">
        <v>223</v>
      </c>
      <c r="E72" s="20">
        <v>184</v>
      </c>
      <c r="F72" s="20">
        <v>37</v>
      </c>
      <c r="G72" s="20">
        <v>1</v>
      </c>
      <c r="H72" s="20">
        <v>1</v>
      </c>
      <c r="I72" s="20">
        <v>130637</v>
      </c>
      <c r="J72" s="20">
        <v>660656</v>
      </c>
      <c r="K72" s="20">
        <v>1032783</v>
      </c>
      <c r="L72" s="20">
        <v>964943</v>
      </c>
      <c r="M72" s="20">
        <v>6934</v>
      </c>
      <c r="N72" s="20">
        <v>0</v>
      </c>
      <c r="O72" s="20">
        <v>45712</v>
      </c>
      <c r="P72" s="20">
        <v>15194</v>
      </c>
      <c r="Q72" s="20">
        <v>0</v>
      </c>
      <c r="R72" s="20" t="s">
        <v>5</v>
      </c>
      <c r="S72" s="20" t="s">
        <v>5</v>
      </c>
      <c r="T72" s="31" t="s">
        <v>219</v>
      </c>
    </row>
    <row r="73" spans="1:20" ht="12" customHeight="1" x14ac:dyDescent="0.15">
      <c r="A73" s="28" t="s">
        <v>217</v>
      </c>
      <c r="B73" s="27" t="s">
        <v>218</v>
      </c>
      <c r="C73" s="14">
        <v>6</v>
      </c>
      <c r="D73" s="14">
        <v>144</v>
      </c>
      <c r="E73" s="14">
        <v>122</v>
      </c>
      <c r="F73" s="14">
        <v>22</v>
      </c>
      <c r="G73" s="14">
        <v>0</v>
      </c>
      <c r="H73" s="14">
        <v>0</v>
      </c>
      <c r="I73" s="14">
        <v>90259</v>
      </c>
      <c r="J73" s="14">
        <v>389158</v>
      </c>
      <c r="K73" s="14">
        <v>649169</v>
      </c>
      <c r="L73" s="14">
        <v>647616</v>
      </c>
      <c r="M73" s="14">
        <v>1553</v>
      </c>
      <c r="N73" s="14">
        <v>0</v>
      </c>
      <c r="O73" s="14">
        <v>0</v>
      </c>
      <c r="P73" s="14">
        <v>0</v>
      </c>
      <c r="Q73" s="14">
        <v>0</v>
      </c>
      <c r="R73" s="14" t="s">
        <v>5</v>
      </c>
      <c r="S73" s="14" t="s">
        <v>5</v>
      </c>
      <c r="T73" s="26" t="s">
        <v>217</v>
      </c>
    </row>
    <row r="74" spans="1:20" ht="12" customHeight="1" x14ac:dyDescent="0.15">
      <c r="A74" s="28" t="s">
        <v>215</v>
      </c>
      <c r="B74" s="27" t="s">
        <v>216</v>
      </c>
      <c r="C74" s="14">
        <v>4</v>
      </c>
      <c r="D74" s="14">
        <v>62</v>
      </c>
      <c r="E74" s="14">
        <v>50</v>
      </c>
      <c r="F74" s="14">
        <v>12</v>
      </c>
      <c r="G74" s="14">
        <v>0</v>
      </c>
      <c r="H74" s="14">
        <v>0</v>
      </c>
      <c r="I74" s="14">
        <v>35628</v>
      </c>
      <c r="J74" s="14">
        <v>261223</v>
      </c>
      <c r="K74" s="14">
        <v>360934</v>
      </c>
      <c r="L74" s="14">
        <v>300028</v>
      </c>
      <c r="M74" s="14">
        <v>0</v>
      </c>
      <c r="N74" s="14">
        <v>0</v>
      </c>
      <c r="O74" s="14">
        <v>45712</v>
      </c>
      <c r="P74" s="14">
        <v>15194</v>
      </c>
      <c r="Q74" s="14">
        <v>0</v>
      </c>
      <c r="R74" s="14">
        <v>0</v>
      </c>
      <c r="S74" s="14">
        <v>0</v>
      </c>
      <c r="T74" s="26" t="s">
        <v>215</v>
      </c>
    </row>
    <row r="75" spans="1:20" ht="12" customHeight="1" x14ac:dyDescent="0.15">
      <c r="A75" s="28" t="s">
        <v>213</v>
      </c>
      <c r="B75" s="27" t="s">
        <v>214</v>
      </c>
      <c r="C75" s="14">
        <v>3</v>
      </c>
      <c r="D75" s="14">
        <v>17</v>
      </c>
      <c r="E75" s="14">
        <v>12</v>
      </c>
      <c r="F75" s="14">
        <v>3</v>
      </c>
      <c r="G75" s="14">
        <v>1</v>
      </c>
      <c r="H75" s="14">
        <v>1</v>
      </c>
      <c r="I75" s="14">
        <v>4750</v>
      </c>
      <c r="J75" s="14">
        <v>10275</v>
      </c>
      <c r="K75" s="14">
        <v>22680</v>
      </c>
      <c r="L75" s="14">
        <v>17299</v>
      </c>
      <c r="M75" s="14">
        <v>5381</v>
      </c>
      <c r="N75" s="14">
        <v>0</v>
      </c>
      <c r="O75" s="14">
        <v>0</v>
      </c>
      <c r="P75" s="14">
        <v>0</v>
      </c>
      <c r="Q75" s="14">
        <v>0</v>
      </c>
      <c r="R75" s="14">
        <v>0</v>
      </c>
      <c r="S75" s="14">
        <v>0</v>
      </c>
      <c r="T75" s="26" t="s">
        <v>213</v>
      </c>
    </row>
    <row r="76" spans="1:20" ht="9.75" customHeight="1" x14ac:dyDescent="0.15">
      <c r="A76" s="28"/>
      <c r="B76" s="27"/>
      <c r="C76" s="14"/>
      <c r="D76" s="14"/>
      <c r="E76" s="14"/>
      <c r="F76" s="14"/>
      <c r="G76" s="14"/>
      <c r="H76" s="14"/>
      <c r="I76" s="14"/>
      <c r="J76" s="14"/>
      <c r="K76" s="14"/>
      <c r="L76" s="14"/>
      <c r="M76" s="14"/>
      <c r="N76" s="14"/>
      <c r="O76" s="14"/>
      <c r="P76" s="14"/>
      <c r="Q76" s="14"/>
      <c r="R76" s="14"/>
      <c r="S76" s="14"/>
      <c r="T76" s="26"/>
    </row>
    <row r="77" spans="1:20" s="18" customFormat="1" ht="12" customHeight="1" x14ac:dyDescent="0.15">
      <c r="A77" s="33" t="s">
        <v>211</v>
      </c>
      <c r="B77" s="32" t="s">
        <v>212</v>
      </c>
      <c r="C77" s="20">
        <v>416</v>
      </c>
      <c r="D77" s="20">
        <v>6346</v>
      </c>
      <c r="E77" s="20">
        <v>3545</v>
      </c>
      <c r="F77" s="20">
        <v>2674</v>
      </c>
      <c r="G77" s="20">
        <v>88</v>
      </c>
      <c r="H77" s="20">
        <v>39</v>
      </c>
      <c r="I77" s="20">
        <v>2245832</v>
      </c>
      <c r="J77" s="20">
        <v>6031459</v>
      </c>
      <c r="K77" s="20">
        <v>11282843</v>
      </c>
      <c r="L77" s="20">
        <v>9202115</v>
      </c>
      <c r="M77" s="20">
        <v>1454867</v>
      </c>
      <c r="N77" s="20">
        <v>0</v>
      </c>
      <c r="O77" s="20">
        <v>611379</v>
      </c>
      <c r="P77" s="20">
        <v>14482</v>
      </c>
      <c r="Q77" s="20">
        <v>0</v>
      </c>
      <c r="R77" s="20">
        <v>2065383</v>
      </c>
      <c r="S77" s="20">
        <v>110175</v>
      </c>
      <c r="T77" s="31" t="s">
        <v>211</v>
      </c>
    </row>
    <row r="78" spans="1:20" ht="12" customHeight="1" x14ac:dyDescent="0.15">
      <c r="A78" s="28" t="s">
        <v>209</v>
      </c>
      <c r="B78" s="27" t="s">
        <v>210</v>
      </c>
      <c r="C78" s="14">
        <v>44</v>
      </c>
      <c r="D78" s="14">
        <v>615</v>
      </c>
      <c r="E78" s="14">
        <v>405</v>
      </c>
      <c r="F78" s="14">
        <v>204</v>
      </c>
      <c r="G78" s="14">
        <v>5</v>
      </c>
      <c r="H78" s="14">
        <v>1</v>
      </c>
      <c r="I78" s="14">
        <v>211862</v>
      </c>
      <c r="J78" s="14">
        <v>402290</v>
      </c>
      <c r="K78" s="14">
        <v>802915</v>
      </c>
      <c r="L78" s="14">
        <v>625840</v>
      </c>
      <c r="M78" s="14">
        <v>176857</v>
      </c>
      <c r="N78" s="14">
        <v>0</v>
      </c>
      <c r="O78" s="14">
        <v>48</v>
      </c>
      <c r="P78" s="14">
        <v>170</v>
      </c>
      <c r="Q78" s="14">
        <v>0</v>
      </c>
      <c r="R78" s="14" t="s">
        <v>5</v>
      </c>
      <c r="S78" s="14" t="s">
        <v>5</v>
      </c>
      <c r="T78" s="26" t="s">
        <v>209</v>
      </c>
    </row>
    <row r="79" spans="1:20" ht="12" customHeight="1" x14ac:dyDescent="0.15">
      <c r="A79" s="28" t="s">
        <v>207</v>
      </c>
      <c r="B79" s="27" t="s">
        <v>208</v>
      </c>
      <c r="C79" s="14">
        <v>78</v>
      </c>
      <c r="D79" s="14">
        <v>1202</v>
      </c>
      <c r="E79" s="14">
        <v>649</v>
      </c>
      <c r="F79" s="14">
        <v>532</v>
      </c>
      <c r="G79" s="14">
        <v>13</v>
      </c>
      <c r="H79" s="14">
        <v>8</v>
      </c>
      <c r="I79" s="14">
        <v>427654</v>
      </c>
      <c r="J79" s="14">
        <v>1600381</v>
      </c>
      <c r="K79" s="14">
        <v>2810329</v>
      </c>
      <c r="L79" s="14">
        <v>2183747</v>
      </c>
      <c r="M79" s="14">
        <v>337871</v>
      </c>
      <c r="N79" s="14">
        <v>0</v>
      </c>
      <c r="O79" s="14">
        <v>287912</v>
      </c>
      <c r="P79" s="14">
        <v>799</v>
      </c>
      <c r="Q79" s="14">
        <v>0</v>
      </c>
      <c r="R79" s="14">
        <v>579214</v>
      </c>
      <c r="S79" s="14">
        <v>27073</v>
      </c>
      <c r="T79" s="26" t="s">
        <v>207</v>
      </c>
    </row>
    <row r="80" spans="1:20" ht="12" customHeight="1" x14ac:dyDescent="0.15">
      <c r="A80" s="28" t="s">
        <v>205</v>
      </c>
      <c r="B80" s="27" t="s">
        <v>206</v>
      </c>
      <c r="C80" s="14">
        <v>102</v>
      </c>
      <c r="D80" s="14">
        <v>1721</v>
      </c>
      <c r="E80" s="14">
        <v>1055</v>
      </c>
      <c r="F80" s="14">
        <v>643</v>
      </c>
      <c r="G80" s="14">
        <v>19</v>
      </c>
      <c r="H80" s="14">
        <v>4</v>
      </c>
      <c r="I80" s="14">
        <v>653140</v>
      </c>
      <c r="J80" s="14">
        <v>1450630</v>
      </c>
      <c r="K80" s="14">
        <v>2866915</v>
      </c>
      <c r="L80" s="14">
        <v>2575424</v>
      </c>
      <c r="M80" s="14">
        <v>271176</v>
      </c>
      <c r="N80" s="14">
        <v>0</v>
      </c>
      <c r="O80" s="14">
        <v>9472</v>
      </c>
      <c r="P80" s="14">
        <v>10843</v>
      </c>
      <c r="Q80" s="14">
        <v>0</v>
      </c>
      <c r="R80" s="14">
        <v>386187</v>
      </c>
      <c r="S80" s="14">
        <v>30263</v>
      </c>
      <c r="T80" s="26" t="s">
        <v>205</v>
      </c>
    </row>
    <row r="81" spans="1:20" ht="12" customHeight="1" x14ac:dyDescent="0.15">
      <c r="A81" s="16" t="s">
        <v>203</v>
      </c>
      <c r="B81" s="15" t="s">
        <v>204</v>
      </c>
      <c r="C81" s="14">
        <v>20</v>
      </c>
      <c r="D81" s="14">
        <v>362</v>
      </c>
      <c r="E81" s="14">
        <v>203</v>
      </c>
      <c r="F81" s="14">
        <v>155</v>
      </c>
      <c r="G81" s="14">
        <v>2</v>
      </c>
      <c r="H81" s="14">
        <v>2</v>
      </c>
      <c r="I81" s="14">
        <v>146147</v>
      </c>
      <c r="J81" s="14">
        <v>321901</v>
      </c>
      <c r="K81" s="14">
        <v>643541</v>
      </c>
      <c r="L81" s="14">
        <v>521846</v>
      </c>
      <c r="M81" s="14">
        <v>26556</v>
      </c>
      <c r="N81" s="14">
        <v>0</v>
      </c>
      <c r="O81" s="14">
        <v>93139</v>
      </c>
      <c r="P81" s="14">
        <v>2000</v>
      </c>
      <c r="Q81" s="14">
        <v>0</v>
      </c>
      <c r="R81" s="14" t="s">
        <v>5</v>
      </c>
      <c r="S81" s="14" t="s">
        <v>5</v>
      </c>
      <c r="T81" s="13" t="s">
        <v>203</v>
      </c>
    </row>
    <row r="82" spans="1:20" ht="12" customHeight="1" x14ac:dyDescent="0.15">
      <c r="A82" s="16" t="s">
        <v>201</v>
      </c>
      <c r="B82" s="15" t="s">
        <v>202</v>
      </c>
      <c r="C82" s="14">
        <v>18</v>
      </c>
      <c r="D82" s="14">
        <v>170</v>
      </c>
      <c r="E82" s="14">
        <v>121</v>
      </c>
      <c r="F82" s="14">
        <v>47</v>
      </c>
      <c r="G82" s="14">
        <v>1</v>
      </c>
      <c r="H82" s="14">
        <v>1</v>
      </c>
      <c r="I82" s="14">
        <v>71069</v>
      </c>
      <c r="J82" s="14">
        <v>359281</v>
      </c>
      <c r="K82" s="14">
        <v>538102</v>
      </c>
      <c r="L82" s="14">
        <v>385891</v>
      </c>
      <c r="M82" s="14">
        <v>56733</v>
      </c>
      <c r="N82" s="14">
        <v>0</v>
      </c>
      <c r="O82" s="14">
        <v>94868</v>
      </c>
      <c r="P82" s="14">
        <v>610</v>
      </c>
      <c r="Q82" s="14">
        <v>0</v>
      </c>
      <c r="R82" s="14">
        <v>0</v>
      </c>
      <c r="S82" s="14">
        <v>0</v>
      </c>
      <c r="T82" s="13" t="s">
        <v>201</v>
      </c>
    </row>
    <row r="83" spans="1:20" ht="12" customHeight="1" x14ac:dyDescent="0.15">
      <c r="A83" s="16" t="s">
        <v>199</v>
      </c>
      <c r="B83" s="15" t="s">
        <v>200</v>
      </c>
      <c r="C83" s="14">
        <v>154</v>
      </c>
      <c r="D83" s="14">
        <v>2276</v>
      </c>
      <c r="E83" s="14">
        <v>1112</v>
      </c>
      <c r="F83" s="14">
        <v>1093</v>
      </c>
      <c r="G83" s="14">
        <v>48</v>
      </c>
      <c r="H83" s="14">
        <v>23</v>
      </c>
      <c r="I83" s="14">
        <v>735960</v>
      </c>
      <c r="J83" s="14">
        <v>1896976</v>
      </c>
      <c r="K83" s="14">
        <v>3621041</v>
      </c>
      <c r="L83" s="14">
        <v>2909367</v>
      </c>
      <c r="M83" s="14">
        <v>585674</v>
      </c>
      <c r="N83" s="14">
        <v>0</v>
      </c>
      <c r="O83" s="14">
        <v>125940</v>
      </c>
      <c r="P83" s="14">
        <v>60</v>
      </c>
      <c r="Q83" s="14">
        <v>0</v>
      </c>
      <c r="R83" s="14">
        <v>901955</v>
      </c>
      <c r="S83" s="14">
        <v>46105</v>
      </c>
      <c r="T83" s="13" t="s">
        <v>199</v>
      </c>
    </row>
    <row r="84" spans="1:20" ht="9.75" customHeight="1" x14ac:dyDescent="0.15">
      <c r="A84" s="16"/>
      <c r="B84" s="15"/>
      <c r="C84" s="14"/>
      <c r="D84" s="14"/>
      <c r="E84" s="14"/>
      <c r="F84" s="14"/>
      <c r="G84" s="14"/>
      <c r="H84" s="14"/>
      <c r="I84" s="14"/>
      <c r="J84" s="14"/>
      <c r="K84" s="14"/>
      <c r="L84" s="14"/>
      <c r="M84" s="14"/>
      <c r="N84" s="14"/>
      <c r="O84" s="14"/>
      <c r="P84" s="14"/>
      <c r="Q84" s="14"/>
      <c r="R84" s="14"/>
      <c r="S84" s="14"/>
      <c r="T84" s="13"/>
    </row>
    <row r="85" spans="1:20" s="18" customFormat="1" ht="12" customHeight="1" x14ac:dyDescent="0.15">
      <c r="A85" s="22" t="s">
        <v>197</v>
      </c>
      <c r="B85" s="21" t="s">
        <v>198</v>
      </c>
      <c r="C85" s="20">
        <v>148</v>
      </c>
      <c r="D85" s="20">
        <v>1757</v>
      </c>
      <c r="E85" s="20">
        <v>1064</v>
      </c>
      <c r="F85" s="20">
        <v>618</v>
      </c>
      <c r="G85" s="20">
        <v>41</v>
      </c>
      <c r="H85" s="20">
        <v>34</v>
      </c>
      <c r="I85" s="20">
        <v>625945</v>
      </c>
      <c r="J85" s="20">
        <v>1769175</v>
      </c>
      <c r="K85" s="20">
        <v>3366495</v>
      </c>
      <c r="L85" s="20">
        <v>3017437</v>
      </c>
      <c r="M85" s="20">
        <v>173166</v>
      </c>
      <c r="N85" s="20">
        <v>0</v>
      </c>
      <c r="O85" s="20">
        <v>172372</v>
      </c>
      <c r="P85" s="20">
        <v>3520</v>
      </c>
      <c r="Q85" s="20">
        <v>0</v>
      </c>
      <c r="R85" s="20">
        <v>530755</v>
      </c>
      <c r="S85" s="20">
        <v>20086</v>
      </c>
      <c r="T85" s="19" t="s">
        <v>197</v>
      </c>
    </row>
    <row r="86" spans="1:20" ht="12" customHeight="1" x14ac:dyDescent="0.15">
      <c r="A86" s="16" t="s">
        <v>195</v>
      </c>
      <c r="B86" s="15" t="s">
        <v>196</v>
      </c>
      <c r="C86" s="14">
        <v>1</v>
      </c>
      <c r="D86" s="14">
        <v>8</v>
      </c>
      <c r="E86" s="14">
        <v>5</v>
      </c>
      <c r="F86" s="14">
        <v>3</v>
      </c>
      <c r="G86" s="14">
        <v>0</v>
      </c>
      <c r="H86" s="14">
        <v>0</v>
      </c>
      <c r="I86" s="14" t="s">
        <v>5</v>
      </c>
      <c r="J86" s="14" t="s">
        <v>5</v>
      </c>
      <c r="K86" s="14" t="s">
        <v>5</v>
      </c>
      <c r="L86" s="14" t="s">
        <v>5</v>
      </c>
      <c r="M86" s="14">
        <v>0</v>
      </c>
      <c r="N86" s="14">
        <v>0</v>
      </c>
      <c r="O86" s="14">
        <v>0</v>
      </c>
      <c r="P86" s="14">
        <v>0</v>
      </c>
      <c r="Q86" s="14">
        <v>0</v>
      </c>
      <c r="R86" s="14">
        <v>0</v>
      </c>
      <c r="S86" s="14">
        <v>0</v>
      </c>
      <c r="T86" s="13" t="s">
        <v>195</v>
      </c>
    </row>
    <row r="87" spans="1:20" ht="12" customHeight="1" x14ac:dyDescent="0.15">
      <c r="A87" s="16" t="s">
        <v>193</v>
      </c>
      <c r="B87" s="15" t="s">
        <v>194</v>
      </c>
      <c r="C87" s="14">
        <v>49</v>
      </c>
      <c r="D87" s="14">
        <v>387</v>
      </c>
      <c r="E87" s="14">
        <v>195</v>
      </c>
      <c r="F87" s="14">
        <v>145</v>
      </c>
      <c r="G87" s="14">
        <v>25</v>
      </c>
      <c r="H87" s="14">
        <v>22</v>
      </c>
      <c r="I87" s="14">
        <v>100292</v>
      </c>
      <c r="J87" s="14">
        <v>418539</v>
      </c>
      <c r="K87" s="14">
        <v>746895</v>
      </c>
      <c r="L87" s="14">
        <v>685068</v>
      </c>
      <c r="M87" s="14">
        <v>53190</v>
      </c>
      <c r="N87" s="14">
        <v>0</v>
      </c>
      <c r="O87" s="14">
        <v>8637</v>
      </c>
      <c r="P87" s="14">
        <v>0</v>
      </c>
      <c r="Q87" s="14">
        <v>0</v>
      </c>
      <c r="R87" s="14" t="s">
        <v>5</v>
      </c>
      <c r="S87" s="14">
        <v>0</v>
      </c>
      <c r="T87" s="13" t="s">
        <v>193</v>
      </c>
    </row>
    <row r="88" spans="1:20" ht="12" customHeight="1" x14ac:dyDescent="0.15">
      <c r="A88" s="16" t="s">
        <v>191</v>
      </c>
      <c r="B88" s="15" t="s">
        <v>192</v>
      </c>
      <c r="C88" s="14">
        <v>80</v>
      </c>
      <c r="D88" s="14">
        <v>1083</v>
      </c>
      <c r="E88" s="14">
        <v>700</v>
      </c>
      <c r="F88" s="14">
        <v>362</v>
      </c>
      <c r="G88" s="14">
        <v>12</v>
      </c>
      <c r="H88" s="14">
        <v>9</v>
      </c>
      <c r="I88" s="14">
        <v>397469</v>
      </c>
      <c r="J88" s="14">
        <v>1021232</v>
      </c>
      <c r="K88" s="14">
        <v>1847369</v>
      </c>
      <c r="L88" s="14">
        <v>1646577</v>
      </c>
      <c r="M88" s="14">
        <v>90336</v>
      </c>
      <c r="N88" s="14">
        <v>0</v>
      </c>
      <c r="O88" s="14">
        <v>106936</v>
      </c>
      <c r="P88" s="14">
        <v>3520</v>
      </c>
      <c r="Q88" s="14">
        <v>0</v>
      </c>
      <c r="R88" s="14">
        <v>343495</v>
      </c>
      <c r="S88" s="14" t="s">
        <v>5</v>
      </c>
      <c r="T88" s="13" t="s">
        <v>191</v>
      </c>
    </row>
    <row r="89" spans="1:20" ht="12" customHeight="1" x14ac:dyDescent="0.15">
      <c r="A89" s="16" t="s">
        <v>189</v>
      </c>
      <c r="B89" s="15" t="s">
        <v>190</v>
      </c>
      <c r="C89" s="14">
        <v>18</v>
      </c>
      <c r="D89" s="14">
        <v>279</v>
      </c>
      <c r="E89" s="14">
        <v>164</v>
      </c>
      <c r="F89" s="14">
        <v>108</v>
      </c>
      <c r="G89" s="14">
        <v>4</v>
      </c>
      <c r="H89" s="14">
        <v>3</v>
      </c>
      <c r="I89" s="14" t="s">
        <v>5</v>
      </c>
      <c r="J89" s="14" t="s">
        <v>5</v>
      </c>
      <c r="K89" s="14" t="s">
        <v>5</v>
      </c>
      <c r="L89" s="14" t="s">
        <v>5</v>
      </c>
      <c r="M89" s="14">
        <v>29640</v>
      </c>
      <c r="N89" s="14">
        <v>0</v>
      </c>
      <c r="O89" s="14">
        <v>56799</v>
      </c>
      <c r="P89" s="14">
        <v>0</v>
      </c>
      <c r="Q89" s="14">
        <v>0</v>
      </c>
      <c r="R89" s="14" t="s">
        <v>5</v>
      </c>
      <c r="S89" s="14" t="s">
        <v>5</v>
      </c>
      <c r="T89" s="13" t="s">
        <v>189</v>
      </c>
    </row>
    <row r="90" spans="1:20" ht="9.75" customHeight="1" x14ac:dyDescent="0.15">
      <c r="A90" s="16"/>
      <c r="B90" s="15"/>
      <c r="C90" s="14"/>
      <c r="D90" s="14"/>
      <c r="E90" s="14"/>
      <c r="F90" s="14"/>
      <c r="G90" s="14"/>
      <c r="H90" s="14"/>
      <c r="I90" s="14"/>
      <c r="J90" s="14"/>
      <c r="K90" s="14"/>
      <c r="L90" s="14"/>
      <c r="M90" s="14"/>
      <c r="N90" s="14"/>
      <c r="O90" s="14"/>
      <c r="P90" s="14"/>
      <c r="Q90" s="14"/>
      <c r="R90" s="14"/>
      <c r="S90" s="14"/>
      <c r="T90" s="13"/>
    </row>
    <row r="91" spans="1:20" s="18" customFormat="1" ht="12" customHeight="1" x14ac:dyDescent="0.15">
      <c r="A91" s="22" t="s">
        <v>187</v>
      </c>
      <c r="B91" s="21" t="s">
        <v>188</v>
      </c>
      <c r="C91" s="20">
        <v>150</v>
      </c>
      <c r="D91" s="20">
        <v>1386</v>
      </c>
      <c r="E91" s="20">
        <v>661</v>
      </c>
      <c r="F91" s="20">
        <v>626</v>
      </c>
      <c r="G91" s="20">
        <v>60</v>
      </c>
      <c r="H91" s="20">
        <v>39</v>
      </c>
      <c r="I91" s="20">
        <v>363936</v>
      </c>
      <c r="J91" s="20">
        <v>1074949</v>
      </c>
      <c r="K91" s="20">
        <v>1734427</v>
      </c>
      <c r="L91" s="20">
        <v>1662198</v>
      </c>
      <c r="M91" s="20">
        <v>62976</v>
      </c>
      <c r="N91" s="20">
        <v>0</v>
      </c>
      <c r="O91" s="20">
        <v>9243</v>
      </c>
      <c r="P91" s="20">
        <v>10</v>
      </c>
      <c r="Q91" s="20">
        <v>0</v>
      </c>
      <c r="R91" s="20" t="s">
        <v>5</v>
      </c>
      <c r="S91" s="20" t="s">
        <v>5</v>
      </c>
      <c r="T91" s="19" t="s">
        <v>187</v>
      </c>
    </row>
    <row r="92" spans="1:20" ht="12" customHeight="1" x14ac:dyDescent="0.15">
      <c r="A92" s="16" t="s">
        <v>185</v>
      </c>
      <c r="B92" s="15" t="s">
        <v>186</v>
      </c>
      <c r="C92" s="14">
        <v>3</v>
      </c>
      <c r="D92" s="14">
        <v>14</v>
      </c>
      <c r="E92" s="14">
        <v>8</v>
      </c>
      <c r="F92" s="14">
        <v>2</v>
      </c>
      <c r="G92" s="14">
        <v>3</v>
      </c>
      <c r="H92" s="14">
        <v>1</v>
      </c>
      <c r="I92" s="14">
        <v>2211</v>
      </c>
      <c r="J92" s="14">
        <v>5770</v>
      </c>
      <c r="K92" s="14">
        <v>10405</v>
      </c>
      <c r="L92" s="14">
        <v>5800</v>
      </c>
      <c r="M92" s="14">
        <v>4605</v>
      </c>
      <c r="N92" s="14">
        <v>0</v>
      </c>
      <c r="O92" s="14">
        <v>0</v>
      </c>
      <c r="P92" s="14">
        <v>0</v>
      </c>
      <c r="Q92" s="14">
        <v>0</v>
      </c>
      <c r="R92" s="14">
        <v>0</v>
      </c>
      <c r="S92" s="14">
        <v>0</v>
      </c>
      <c r="T92" s="13" t="s">
        <v>185</v>
      </c>
    </row>
    <row r="93" spans="1:20" ht="12" customHeight="1" x14ac:dyDescent="0.15">
      <c r="A93" s="16" t="s">
        <v>183</v>
      </c>
      <c r="B93" s="15" t="s">
        <v>184</v>
      </c>
      <c r="C93" s="14">
        <v>7</v>
      </c>
      <c r="D93" s="14">
        <v>45</v>
      </c>
      <c r="E93" s="14">
        <v>23</v>
      </c>
      <c r="F93" s="14">
        <v>19</v>
      </c>
      <c r="G93" s="14">
        <v>2</v>
      </c>
      <c r="H93" s="14">
        <v>1</v>
      </c>
      <c r="I93" s="14">
        <v>13641</v>
      </c>
      <c r="J93" s="14">
        <v>39353</v>
      </c>
      <c r="K93" s="14">
        <v>52277</v>
      </c>
      <c r="L93" s="14">
        <v>41025</v>
      </c>
      <c r="M93" s="14">
        <v>10552</v>
      </c>
      <c r="N93" s="14">
        <v>0</v>
      </c>
      <c r="O93" s="14">
        <v>700</v>
      </c>
      <c r="P93" s="14">
        <v>0</v>
      </c>
      <c r="Q93" s="14">
        <v>0</v>
      </c>
      <c r="R93" s="14">
        <v>0</v>
      </c>
      <c r="S93" s="14">
        <v>0</v>
      </c>
      <c r="T93" s="13" t="s">
        <v>183</v>
      </c>
    </row>
    <row r="94" spans="1:20" ht="12" customHeight="1" x14ac:dyDescent="0.15">
      <c r="A94" s="16" t="s">
        <v>181</v>
      </c>
      <c r="B94" s="15" t="s">
        <v>182</v>
      </c>
      <c r="C94" s="14">
        <v>46</v>
      </c>
      <c r="D94" s="14">
        <v>511</v>
      </c>
      <c r="E94" s="14">
        <v>275</v>
      </c>
      <c r="F94" s="14">
        <v>194</v>
      </c>
      <c r="G94" s="14">
        <v>28</v>
      </c>
      <c r="H94" s="14">
        <v>14</v>
      </c>
      <c r="I94" s="14">
        <v>154203</v>
      </c>
      <c r="J94" s="14">
        <v>556808</v>
      </c>
      <c r="K94" s="14">
        <v>802218</v>
      </c>
      <c r="L94" s="14">
        <v>795908</v>
      </c>
      <c r="M94" s="14">
        <v>6310</v>
      </c>
      <c r="N94" s="14">
        <v>0</v>
      </c>
      <c r="O94" s="14">
        <v>0</v>
      </c>
      <c r="P94" s="14">
        <v>0</v>
      </c>
      <c r="Q94" s="14">
        <v>0</v>
      </c>
      <c r="R94" s="14" t="s">
        <v>5</v>
      </c>
      <c r="S94" s="14" t="s">
        <v>5</v>
      </c>
      <c r="T94" s="13" t="s">
        <v>181</v>
      </c>
    </row>
    <row r="95" spans="1:20" ht="12" customHeight="1" x14ac:dyDescent="0.15">
      <c r="A95" s="16" t="s">
        <v>179</v>
      </c>
      <c r="B95" s="15" t="s">
        <v>180</v>
      </c>
      <c r="C95" s="14">
        <v>33</v>
      </c>
      <c r="D95" s="14">
        <v>325</v>
      </c>
      <c r="E95" s="14">
        <v>152</v>
      </c>
      <c r="F95" s="14">
        <v>158</v>
      </c>
      <c r="G95" s="14">
        <v>9</v>
      </c>
      <c r="H95" s="14">
        <v>6</v>
      </c>
      <c r="I95" s="14">
        <v>74954</v>
      </c>
      <c r="J95" s="14">
        <v>196315</v>
      </c>
      <c r="K95" s="14">
        <v>318551</v>
      </c>
      <c r="L95" s="14">
        <v>306932</v>
      </c>
      <c r="M95" s="14">
        <v>5476</v>
      </c>
      <c r="N95" s="14">
        <v>0</v>
      </c>
      <c r="O95" s="14">
        <v>6143</v>
      </c>
      <c r="P95" s="14">
        <v>0</v>
      </c>
      <c r="Q95" s="14">
        <v>0</v>
      </c>
      <c r="R95" s="14">
        <v>0</v>
      </c>
      <c r="S95" s="14">
        <v>0</v>
      </c>
      <c r="T95" s="13" t="s">
        <v>179</v>
      </c>
    </row>
    <row r="96" spans="1:20" ht="12" customHeight="1" x14ac:dyDescent="0.15">
      <c r="A96" s="16" t="s">
        <v>177</v>
      </c>
      <c r="B96" s="15" t="s">
        <v>178</v>
      </c>
      <c r="C96" s="14">
        <v>51</v>
      </c>
      <c r="D96" s="14">
        <v>409</v>
      </c>
      <c r="E96" s="14">
        <v>163</v>
      </c>
      <c r="F96" s="14">
        <v>214</v>
      </c>
      <c r="G96" s="14">
        <v>17</v>
      </c>
      <c r="H96" s="14">
        <v>15</v>
      </c>
      <c r="I96" s="14">
        <v>90532</v>
      </c>
      <c r="J96" s="14">
        <v>230690</v>
      </c>
      <c r="K96" s="14">
        <v>454615</v>
      </c>
      <c r="L96" s="14">
        <v>418012</v>
      </c>
      <c r="M96" s="14">
        <v>34193</v>
      </c>
      <c r="N96" s="14">
        <v>0</v>
      </c>
      <c r="O96" s="14">
        <v>2400</v>
      </c>
      <c r="P96" s="14">
        <v>10</v>
      </c>
      <c r="Q96" s="14">
        <v>0</v>
      </c>
      <c r="R96" s="14" t="s">
        <v>5</v>
      </c>
      <c r="S96" s="14" t="s">
        <v>5</v>
      </c>
      <c r="T96" s="13" t="s">
        <v>177</v>
      </c>
    </row>
    <row r="97" spans="1:20" ht="12" customHeight="1" x14ac:dyDescent="0.15">
      <c r="A97" s="16" t="s">
        <v>175</v>
      </c>
      <c r="B97" s="15" t="s">
        <v>176</v>
      </c>
      <c r="C97" s="14">
        <v>10</v>
      </c>
      <c r="D97" s="14">
        <v>82</v>
      </c>
      <c r="E97" s="14">
        <v>40</v>
      </c>
      <c r="F97" s="14">
        <v>39</v>
      </c>
      <c r="G97" s="14">
        <v>1</v>
      </c>
      <c r="H97" s="14">
        <v>2</v>
      </c>
      <c r="I97" s="14">
        <v>28395</v>
      </c>
      <c r="J97" s="14">
        <v>46013</v>
      </c>
      <c r="K97" s="14">
        <v>96361</v>
      </c>
      <c r="L97" s="14">
        <v>94521</v>
      </c>
      <c r="M97" s="14">
        <v>1840</v>
      </c>
      <c r="N97" s="14">
        <v>0</v>
      </c>
      <c r="O97" s="14">
        <v>0</v>
      </c>
      <c r="P97" s="14">
        <v>0</v>
      </c>
      <c r="Q97" s="14">
        <v>0</v>
      </c>
      <c r="R97" s="14">
        <v>0</v>
      </c>
      <c r="S97" s="14">
        <v>0</v>
      </c>
      <c r="T97" s="13" t="s">
        <v>175</v>
      </c>
    </row>
    <row r="98" spans="1:20" ht="9.75" customHeight="1" x14ac:dyDescent="0.15">
      <c r="A98" s="16"/>
      <c r="B98" s="15"/>
      <c r="C98" s="14"/>
      <c r="D98" s="14"/>
      <c r="E98" s="14"/>
      <c r="F98" s="14"/>
      <c r="G98" s="14"/>
      <c r="H98" s="14"/>
      <c r="I98" s="14"/>
      <c r="J98" s="14"/>
      <c r="K98" s="14"/>
      <c r="L98" s="14"/>
      <c r="M98" s="14"/>
      <c r="N98" s="14"/>
      <c r="O98" s="14"/>
      <c r="P98" s="14"/>
      <c r="Q98" s="14"/>
      <c r="R98" s="14"/>
      <c r="S98" s="14"/>
      <c r="T98" s="13"/>
    </row>
    <row r="99" spans="1:20" s="18" customFormat="1" ht="12" customHeight="1" x14ac:dyDescent="0.15">
      <c r="A99" s="22" t="s">
        <v>173</v>
      </c>
      <c r="B99" s="21" t="s">
        <v>174</v>
      </c>
      <c r="C99" s="20">
        <v>99</v>
      </c>
      <c r="D99" s="20">
        <v>1552</v>
      </c>
      <c r="E99" s="20">
        <v>1163</v>
      </c>
      <c r="F99" s="20">
        <v>366</v>
      </c>
      <c r="G99" s="20">
        <v>13</v>
      </c>
      <c r="H99" s="20">
        <v>10</v>
      </c>
      <c r="I99" s="20">
        <v>692670</v>
      </c>
      <c r="J99" s="20">
        <v>2153412</v>
      </c>
      <c r="K99" s="20">
        <v>5196150</v>
      </c>
      <c r="L99" s="20">
        <v>4772530</v>
      </c>
      <c r="M99" s="20">
        <v>128179</v>
      </c>
      <c r="N99" s="20">
        <v>156</v>
      </c>
      <c r="O99" s="20">
        <v>285187</v>
      </c>
      <c r="P99" s="20">
        <v>10098</v>
      </c>
      <c r="Q99" s="20">
        <v>0</v>
      </c>
      <c r="R99" s="20">
        <v>1888290</v>
      </c>
      <c r="S99" s="20">
        <v>55003</v>
      </c>
      <c r="T99" s="19" t="s">
        <v>173</v>
      </c>
    </row>
    <row r="100" spans="1:20" ht="12" customHeight="1" x14ac:dyDescent="0.15">
      <c r="A100" s="16" t="s">
        <v>171</v>
      </c>
      <c r="B100" s="15" t="s">
        <v>172</v>
      </c>
      <c r="C100" s="14">
        <v>52</v>
      </c>
      <c r="D100" s="14">
        <v>869</v>
      </c>
      <c r="E100" s="14">
        <v>603</v>
      </c>
      <c r="F100" s="14">
        <v>248</v>
      </c>
      <c r="G100" s="14">
        <v>10</v>
      </c>
      <c r="H100" s="14">
        <v>8</v>
      </c>
      <c r="I100" s="14">
        <v>321492</v>
      </c>
      <c r="J100" s="14">
        <v>773445</v>
      </c>
      <c r="K100" s="14">
        <v>2580774</v>
      </c>
      <c r="L100" s="14">
        <v>2246535</v>
      </c>
      <c r="M100" s="14">
        <v>67796</v>
      </c>
      <c r="N100" s="14">
        <v>156</v>
      </c>
      <c r="O100" s="14">
        <v>262414</v>
      </c>
      <c r="P100" s="14">
        <v>3873</v>
      </c>
      <c r="Q100" s="14">
        <v>0</v>
      </c>
      <c r="R100" s="14">
        <v>1338010</v>
      </c>
      <c r="S100" s="14" t="s">
        <v>5</v>
      </c>
      <c r="T100" s="13" t="s">
        <v>171</v>
      </c>
    </row>
    <row r="101" spans="1:20" ht="12" customHeight="1" x14ac:dyDescent="0.15">
      <c r="A101" s="16" t="s">
        <v>169</v>
      </c>
      <c r="B101" s="15" t="s">
        <v>170</v>
      </c>
      <c r="C101" s="14">
        <v>26</v>
      </c>
      <c r="D101" s="14">
        <v>309</v>
      </c>
      <c r="E101" s="14">
        <v>266</v>
      </c>
      <c r="F101" s="14">
        <v>43</v>
      </c>
      <c r="G101" s="14">
        <v>0</v>
      </c>
      <c r="H101" s="14">
        <v>0</v>
      </c>
      <c r="I101" s="14">
        <v>188768</v>
      </c>
      <c r="J101" s="14">
        <v>853810</v>
      </c>
      <c r="K101" s="14">
        <v>1407656</v>
      </c>
      <c r="L101" s="14">
        <v>1390726</v>
      </c>
      <c r="M101" s="14">
        <v>16745</v>
      </c>
      <c r="N101" s="14">
        <v>0</v>
      </c>
      <c r="O101" s="14">
        <v>0</v>
      </c>
      <c r="P101" s="14">
        <v>185</v>
      </c>
      <c r="Q101" s="14">
        <v>0</v>
      </c>
      <c r="R101" s="14">
        <v>0</v>
      </c>
      <c r="S101" s="14">
        <v>0</v>
      </c>
      <c r="T101" s="13" t="s">
        <v>169</v>
      </c>
    </row>
    <row r="102" spans="1:20" ht="12" customHeight="1" x14ac:dyDescent="0.15">
      <c r="A102" s="16" t="s">
        <v>167</v>
      </c>
      <c r="B102" s="15" t="s">
        <v>168</v>
      </c>
      <c r="C102" s="14">
        <v>2</v>
      </c>
      <c r="D102" s="14">
        <v>75</v>
      </c>
      <c r="E102" s="14">
        <v>41</v>
      </c>
      <c r="F102" s="14">
        <v>34</v>
      </c>
      <c r="G102" s="14">
        <v>0</v>
      </c>
      <c r="H102" s="14">
        <v>0</v>
      </c>
      <c r="I102" s="14" t="s">
        <v>5</v>
      </c>
      <c r="J102" s="14" t="s">
        <v>5</v>
      </c>
      <c r="K102" s="14" t="s">
        <v>5</v>
      </c>
      <c r="L102" s="14" t="s">
        <v>5</v>
      </c>
      <c r="M102" s="14">
        <v>0</v>
      </c>
      <c r="N102" s="14">
        <v>0</v>
      </c>
      <c r="O102" s="14">
        <v>0</v>
      </c>
      <c r="P102" s="14">
        <v>0</v>
      </c>
      <c r="Q102" s="14">
        <v>0</v>
      </c>
      <c r="R102" s="14" t="s">
        <v>5</v>
      </c>
      <c r="S102" s="14" t="s">
        <v>5</v>
      </c>
      <c r="T102" s="13" t="s">
        <v>167</v>
      </c>
    </row>
    <row r="103" spans="1:20" ht="12" customHeight="1" x14ac:dyDescent="0.15">
      <c r="A103" s="16" t="s">
        <v>165</v>
      </c>
      <c r="B103" s="15" t="s">
        <v>166</v>
      </c>
      <c r="C103" s="14">
        <v>3</v>
      </c>
      <c r="D103" s="14">
        <v>92</v>
      </c>
      <c r="E103" s="14">
        <v>84</v>
      </c>
      <c r="F103" s="14">
        <v>8</v>
      </c>
      <c r="G103" s="14">
        <v>0</v>
      </c>
      <c r="H103" s="14">
        <v>0</v>
      </c>
      <c r="I103" s="14">
        <v>34074</v>
      </c>
      <c r="J103" s="14">
        <v>49050</v>
      </c>
      <c r="K103" s="14">
        <v>114822</v>
      </c>
      <c r="L103" s="14">
        <v>84337</v>
      </c>
      <c r="M103" s="14">
        <v>7352</v>
      </c>
      <c r="N103" s="14">
        <v>0</v>
      </c>
      <c r="O103" s="14">
        <v>17093</v>
      </c>
      <c r="P103" s="14">
        <v>6040</v>
      </c>
      <c r="Q103" s="14">
        <v>0</v>
      </c>
      <c r="R103" s="14" t="s">
        <v>5</v>
      </c>
      <c r="S103" s="14" t="s">
        <v>5</v>
      </c>
      <c r="T103" s="13" t="s">
        <v>165</v>
      </c>
    </row>
    <row r="104" spans="1:20" ht="12" customHeight="1" x14ac:dyDescent="0.15">
      <c r="A104" s="16" t="s">
        <v>163</v>
      </c>
      <c r="B104" s="15" t="s">
        <v>164</v>
      </c>
      <c r="C104" s="14">
        <v>1</v>
      </c>
      <c r="D104" s="14">
        <v>6</v>
      </c>
      <c r="E104" s="14">
        <v>5</v>
      </c>
      <c r="F104" s="14">
        <v>1</v>
      </c>
      <c r="G104" s="14">
        <v>0</v>
      </c>
      <c r="H104" s="14">
        <v>0</v>
      </c>
      <c r="I104" s="14" t="s">
        <v>5</v>
      </c>
      <c r="J104" s="14" t="s">
        <v>5</v>
      </c>
      <c r="K104" s="14" t="s">
        <v>5</v>
      </c>
      <c r="L104" s="14" t="s">
        <v>5</v>
      </c>
      <c r="M104" s="14">
        <v>0</v>
      </c>
      <c r="N104" s="14">
        <v>0</v>
      </c>
      <c r="O104" s="14">
        <v>0</v>
      </c>
      <c r="P104" s="14">
        <v>0</v>
      </c>
      <c r="Q104" s="14">
        <v>0</v>
      </c>
      <c r="R104" s="14">
        <v>0</v>
      </c>
      <c r="S104" s="14">
        <v>0</v>
      </c>
      <c r="T104" s="13" t="s">
        <v>163</v>
      </c>
    </row>
    <row r="105" spans="1:20" ht="12" customHeight="1" x14ac:dyDescent="0.15">
      <c r="A105" s="16" t="s">
        <v>161</v>
      </c>
      <c r="B105" s="15" t="s">
        <v>162</v>
      </c>
      <c r="C105" s="14">
        <v>3</v>
      </c>
      <c r="D105" s="14">
        <v>69</v>
      </c>
      <c r="E105" s="14">
        <v>62</v>
      </c>
      <c r="F105" s="14">
        <v>7</v>
      </c>
      <c r="G105" s="14">
        <v>0</v>
      </c>
      <c r="H105" s="14">
        <v>0</v>
      </c>
      <c r="I105" s="14">
        <v>37730</v>
      </c>
      <c r="J105" s="14">
        <v>34677</v>
      </c>
      <c r="K105" s="14">
        <v>170952</v>
      </c>
      <c r="L105" s="14">
        <v>163672</v>
      </c>
      <c r="M105" s="14">
        <v>1600</v>
      </c>
      <c r="N105" s="14">
        <v>0</v>
      </c>
      <c r="O105" s="14">
        <v>5680</v>
      </c>
      <c r="P105" s="14">
        <v>0</v>
      </c>
      <c r="Q105" s="14">
        <v>0</v>
      </c>
      <c r="R105" s="14" t="s">
        <v>5</v>
      </c>
      <c r="S105" s="14">
        <v>0</v>
      </c>
      <c r="T105" s="13" t="s">
        <v>161</v>
      </c>
    </row>
    <row r="106" spans="1:20" ht="12" customHeight="1" x14ac:dyDescent="0.15">
      <c r="A106" s="16" t="s">
        <v>159</v>
      </c>
      <c r="B106" s="15" t="s">
        <v>160</v>
      </c>
      <c r="C106" s="14">
        <v>7</v>
      </c>
      <c r="D106" s="14">
        <v>90</v>
      </c>
      <c r="E106" s="14">
        <v>79</v>
      </c>
      <c r="F106" s="14">
        <v>11</v>
      </c>
      <c r="G106" s="14">
        <v>0</v>
      </c>
      <c r="H106" s="14">
        <v>0</v>
      </c>
      <c r="I106" s="14">
        <v>62110</v>
      </c>
      <c r="J106" s="14">
        <v>340740</v>
      </c>
      <c r="K106" s="14">
        <v>687138</v>
      </c>
      <c r="L106" s="14">
        <v>654252</v>
      </c>
      <c r="M106" s="14">
        <v>32886</v>
      </c>
      <c r="N106" s="14">
        <v>0</v>
      </c>
      <c r="O106" s="14">
        <v>0</v>
      </c>
      <c r="P106" s="14">
        <v>0</v>
      </c>
      <c r="Q106" s="14">
        <v>0</v>
      </c>
      <c r="R106" s="14" t="s">
        <v>5</v>
      </c>
      <c r="S106" s="14">
        <v>0</v>
      </c>
      <c r="T106" s="13" t="s">
        <v>159</v>
      </c>
    </row>
    <row r="107" spans="1:20" ht="12" customHeight="1" x14ac:dyDescent="0.15">
      <c r="A107" s="16" t="s">
        <v>157</v>
      </c>
      <c r="B107" s="15" t="s">
        <v>158</v>
      </c>
      <c r="C107" s="14">
        <v>5</v>
      </c>
      <c r="D107" s="14">
        <v>42</v>
      </c>
      <c r="E107" s="14">
        <v>23</v>
      </c>
      <c r="F107" s="14">
        <v>14</v>
      </c>
      <c r="G107" s="14">
        <v>3</v>
      </c>
      <c r="H107" s="14">
        <v>2</v>
      </c>
      <c r="I107" s="14">
        <v>12501</v>
      </c>
      <c r="J107" s="14">
        <v>20166</v>
      </c>
      <c r="K107" s="14">
        <v>54572</v>
      </c>
      <c r="L107" s="14">
        <v>52772</v>
      </c>
      <c r="M107" s="14">
        <v>1800</v>
      </c>
      <c r="N107" s="14">
        <v>0</v>
      </c>
      <c r="O107" s="14">
        <v>0</v>
      </c>
      <c r="P107" s="14">
        <v>0</v>
      </c>
      <c r="Q107" s="14">
        <v>0</v>
      </c>
      <c r="R107" s="14">
        <v>0</v>
      </c>
      <c r="S107" s="14">
        <v>0</v>
      </c>
      <c r="T107" s="13" t="s">
        <v>157</v>
      </c>
    </row>
    <row r="108" spans="1:20" ht="9.75" customHeight="1" x14ac:dyDescent="0.15">
      <c r="A108" s="16"/>
      <c r="B108" s="15"/>
      <c r="C108" s="14"/>
      <c r="D108" s="14"/>
      <c r="E108" s="14"/>
      <c r="F108" s="14"/>
      <c r="G108" s="14"/>
      <c r="H108" s="14"/>
      <c r="I108" s="14"/>
      <c r="J108" s="14"/>
      <c r="K108" s="14"/>
      <c r="L108" s="14"/>
      <c r="M108" s="14"/>
      <c r="N108" s="14"/>
      <c r="O108" s="14"/>
      <c r="P108" s="14"/>
      <c r="Q108" s="14"/>
      <c r="R108" s="14"/>
      <c r="S108" s="14"/>
      <c r="T108" s="13"/>
    </row>
    <row r="109" spans="1:20" s="18" customFormat="1" ht="12" customHeight="1" x14ac:dyDescent="0.15">
      <c r="A109" s="22" t="s">
        <v>155</v>
      </c>
      <c r="B109" s="21" t="s">
        <v>156</v>
      </c>
      <c r="C109" s="20">
        <v>233</v>
      </c>
      <c r="D109" s="20">
        <v>6425</v>
      </c>
      <c r="E109" s="20">
        <v>5662</v>
      </c>
      <c r="F109" s="20">
        <v>723</v>
      </c>
      <c r="G109" s="20">
        <v>25</v>
      </c>
      <c r="H109" s="20">
        <v>15</v>
      </c>
      <c r="I109" s="20">
        <v>3576666</v>
      </c>
      <c r="J109" s="20">
        <v>36259897</v>
      </c>
      <c r="K109" s="20">
        <v>47913757</v>
      </c>
      <c r="L109" s="20">
        <v>44761540</v>
      </c>
      <c r="M109" s="20">
        <v>1046427</v>
      </c>
      <c r="N109" s="20">
        <v>24</v>
      </c>
      <c r="O109" s="20">
        <v>949036</v>
      </c>
      <c r="P109" s="20">
        <v>1156730</v>
      </c>
      <c r="Q109" s="20">
        <v>0</v>
      </c>
      <c r="R109" s="20">
        <v>6482693</v>
      </c>
      <c r="S109" s="20">
        <v>986178</v>
      </c>
      <c r="T109" s="19" t="s">
        <v>155</v>
      </c>
    </row>
    <row r="110" spans="1:20" ht="12" customHeight="1" x14ac:dyDescent="0.15">
      <c r="A110" s="16" t="s">
        <v>153</v>
      </c>
      <c r="B110" s="15" t="s">
        <v>154</v>
      </c>
      <c r="C110" s="14">
        <v>5</v>
      </c>
      <c r="D110" s="14">
        <v>1385</v>
      </c>
      <c r="E110" s="14">
        <v>1297</v>
      </c>
      <c r="F110" s="14">
        <v>88</v>
      </c>
      <c r="G110" s="14">
        <v>0</v>
      </c>
      <c r="H110" s="14">
        <v>0</v>
      </c>
      <c r="I110" s="14">
        <v>1077172</v>
      </c>
      <c r="J110" s="14">
        <v>16397523</v>
      </c>
      <c r="K110" s="14">
        <v>19525772</v>
      </c>
      <c r="L110" s="14">
        <v>18276397</v>
      </c>
      <c r="M110" s="14">
        <v>984</v>
      </c>
      <c r="N110" s="14">
        <v>0</v>
      </c>
      <c r="O110" s="14">
        <v>127765</v>
      </c>
      <c r="P110" s="14">
        <v>1120626</v>
      </c>
      <c r="Q110" s="14">
        <v>0</v>
      </c>
      <c r="R110" s="14" t="s">
        <v>5</v>
      </c>
      <c r="S110" s="14" t="s">
        <v>5</v>
      </c>
      <c r="T110" s="13" t="s">
        <v>153</v>
      </c>
    </row>
    <row r="111" spans="1:20" ht="12" customHeight="1" x14ac:dyDescent="0.15">
      <c r="A111" s="16" t="s">
        <v>151</v>
      </c>
      <c r="B111" s="15" t="s">
        <v>152</v>
      </c>
      <c r="C111" s="14">
        <v>18</v>
      </c>
      <c r="D111" s="14">
        <v>784</v>
      </c>
      <c r="E111" s="14">
        <v>708</v>
      </c>
      <c r="F111" s="14">
        <v>76</v>
      </c>
      <c r="G111" s="14">
        <v>0</v>
      </c>
      <c r="H111" s="14">
        <v>0</v>
      </c>
      <c r="I111" s="14">
        <v>407872</v>
      </c>
      <c r="J111" s="14">
        <v>5947718</v>
      </c>
      <c r="K111" s="14">
        <v>7846036</v>
      </c>
      <c r="L111" s="14">
        <v>7407205</v>
      </c>
      <c r="M111" s="14">
        <v>55673</v>
      </c>
      <c r="N111" s="14">
        <v>0</v>
      </c>
      <c r="O111" s="14">
        <v>378517</v>
      </c>
      <c r="P111" s="14">
        <v>4641</v>
      </c>
      <c r="Q111" s="14">
        <v>0</v>
      </c>
      <c r="R111" s="14">
        <v>1350854</v>
      </c>
      <c r="S111" s="14">
        <v>165802</v>
      </c>
      <c r="T111" s="13" t="s">
        <v>151</v>
      </c>
    </row>
    <row r="112" spans="1:20" ht="12" customHeight="1" x14ac:dyDescent="0.15">
      <c r="A112" s="16" t="s">
        <v>149</v>
      </c>
      <c r="B112" s="15" t="s">
        <v>150</v>
      </c>
      <c r="C112" s="14">
        <v>5</v>
      </c>
      <c r="D112" s="14">
        <v>406</v>
      </c>
      <c r="E112" s="14">
        <v>384</v>
      </c>
      <c r="F112" s="14">
        <v>22</v>
      </c>
      <c r="G112" s="14">
        <v>0</v>
      </c>
      <c r="H112" s="14">
        <v>0</v>
      </c>
      <c r="I112" s="14">
        <v>212346</v>
      </c>
      <c r="J112" s="14">
        <v>1667546</v>
      </c>
      <c r="K112" s="14">
        <v>2127679</v>
      </c>
      <c r="L112" s="14">
        <v>2030766</v>
      </c>
      <c r="M112" s="14">
        <v>95558</v>
      </c>
      <c r="N112" s="14">
        <v>0</v>
      </c>
      <c r="O112" s="14">
        <v>1355</v>
      </c>
      <c r="P112" s="14">
        <v>0</v>
      </c>
      <c r="Q112" s="14">
        <v>0</v>
      </c>
      <c r="R112" s="14" t="s">
        <v>5</v>
      </c>
      <c r="S112" s="14" t="s">
        <v>5</v>
      </c>
      <c r="T112" s="13" t="s">
        <v>149</v>
      </c>
    </row>
    <row r="113" spans="1:20" ht="12" customHeight="1" x14ac:dyDescent="0.15">
      <c r="A113" s="16" t="s">
        <v>147</v>
      </c>
      <c r="B113" s="15" t="s">
        <v>148</v>
      </c>
      <c r="C113" s="14">
        <v>54</v>
      </c>
      <c r="D113" s="14">
        <v>1324</v>
      </c>
      <c r="E113" s="14">
        <v>1180</v>
      </c>
      <c r="F113" s="14">
        <v>143</v>
      </c>
      <c r="G113" s="14">
        <v>1</v>
      </c>
      <c r="H113" s="14">
        <v>0</v>
      </c>
      <c r="I113" s="14">
        <v>674911</v>
      </c>
      <c r="J113" s="14">
        <v>1672436</v>
      </c>
      <c r="K113" s="14">
        <v>3339059</v>
      </c>
      <c r="L113" s="14">
        <v>2999810</v>
      </c>
      <c r="M113" s="14">
        <v>272804</v>
      </c>
      <c r="N113" s="14">
        <v>0</v>
      </c>
      <c r="O113" s="14">
        <v>66445</v>
      </c>
      <c r="P113" s="14">
        <v>0</v>
      </c>
      <c r="Q113" s="14">
        <v>0</v>
      </c>
      <c r="R113" s="14">
        <v>630328</v>
      </c>
      <c r="S113" s="14">
        <v>47822</v>
      </c>
      <c r="T113" s="13" t="s">
        <v>147</v>
      </c>
    </row>
    <row r="114" spans="1:20" ht="12" customHeight="1" x14ac:dyDescent="0.15">
      <c r="A114" s="16" t="s">
        <v>145</v>
      </c>
      <c r="B114" s="15" t="s">
        <v>146</v>
      </c>
      <c r="C114" s="14">
        <v>151</v>
      </c>
      <c r="D114" s="14">
        <v>2526</v>
      </c>
      <c r="E114" s="14">
        <v>2093</v>
      </c>
      <c r="F114" s="14">
        <v>394</v>
      </c>
      <c r="G114" s="14">
        <v>24</v>
      </c>
      <c r="H114" s="14">
        <v>15</v>
      </c>
      <c r="I114" s="14">
        <v>1204365</v>
      </c>
      <c r="J114" s="14">
        <v>10574674</v>
      </c>
      <c r="K114" s="14">
        <v>15075211</v>
      </c>
      <c r="L114" s="14">
        <v>14047362</v>
      </c>
      <c r="M114" s="14">
        <v>621408</v>
      </c>
      <c r="N114" s="14">
        <v>24</v>
      </c>
      <c r="O114" s="14">
        <v>374954</v>
      </c>
      <c r="P114" s="14">
        <v>31463</v>
      </c>
      <c r="Q114" s="14">
        <v>0</v>
      </c>
      <c r="R114" s="14">
        <v>2405629</v>
      </c>
      <c r="S114" s="14">
        <v>132196</v>
      </c>
      <c r="T114" s="13" t="s">
        <v>145</v>
      </c>
    </row>
    <row r="115" spans="1:20" ht="8.25" customHeight="1" x14ac:dyDescent="0.15">
      <c r="A115" s="16"/>
      <c r="B115" s="15"/>
      <c r="C115" s="14"/>
      <c r="D115" s="14"/>
      <c r="E115" s="14"/>
      <c r="F115" s="14"/>
      <c r="G115" s="14"/>
      <c r="H115" s="14"/>
      <c r="I115" s="14"/>
      <c r="J115" s="14"/>
      <c r="K115" s="14"/>
      <c r="L115" s="14"/>
      <c r="M115" s="14"/>
      <c r="N115" s="14"/>
      <c r="O115" s="14"/>
      <c r="P115" s="14"/>
      <c r="Q115" s="14"/>
      <c r="R115" s="14"/>
      <c r="S115" s="14"/>
      <c r="T115" s="13"/>
    </row>
    <row r="116" spans="1:20" s="18" customFormat="1" ht="12" customHeight="1" x14ac:dyDescent="0.15">
      <c r="A116" s="22" t="s">
        <v>143</v>
      </c>
      <c r="B116" s="21" t="s">
        <v>144</v>
      </c>
      <c r="C116" s="20">
        <v>80</v>
      </c>
      <c r="D116" s="20">
        <v>2926</v>
      </c>
      <c r="E116" s="20">
        <v>2517</v>
      </c>
      <c r="F116" s="20">
        <v>402</v>
      </c>
      <c r="G116" s="20">
        <v>5</v>
      </c>
      <c r="H116" s="20">
        <v>2</v>
      </c>
      <c r="I116" s="20">
        <v>1883888</v>
      </c>
      <c r="J116" s="20">
        <v>14896204</v>
      </c>
      <c r="K116" s="20">
        <v>16604756</v>
      </c>
      <c r="L116" s="20">
        <v>14842423</v>
      </c>
      <c r="M116" s="20">
        <v>356026</v>
      </c>
      <c r="N116" s="20">
        <v>0</v>
      </c>
      <c r="O116" s="20">
        <v>1169507</v>
      </c>
      <c r="P116" s="20">
        <v>236800</v>
      </c>
      <c r="Q116" s="20">
        <v>0</v>
      </c>
      <c r="R116" s="20">
        <v>877586</v>
      </c>
      <c r="S116" s="20">
        <v>802014</v>
      </c>
      <c r="T116" s="19" t="s">
        <v>143</v>
      </c>
    </row>
    <row r="117" spans="1:20" ht="12" customHeight="1" x14ac:dyDescent="0.15">
      <c r="A117" s="16" t="s">
        <v>141</v>
      </c>
      <c r="B117" s="15" t="s">
        <v>142</v>
      </c>
      <c r="C117" s="14">
        <v>1</v>
      </c>
      <c r="D117" s="14">
        <v>35</v>
      </c>
      <c r="E117" s="14">
        <v>30</v>
      </c>
      <c r="F117" s="14">
        <v>5</v>
      </c>
      <c r="G117" s="14">
        <v>0</v>
      </c>
      <c r="H117" s="14">
        <v>0</v>
      </c>
      <c r="I117" s="14" t="s">
        <v>5</v>
      </c>
      <c r="J117" s="14" t="s">
        <v>5</v>
      </c>
      <c r="K117" s="14" t="s">
        <v>5</v>
      </c>
      <c r="L117" s="14" t="s">
        <v>5</v>
      </c>
      <c r="M117" s="14" t="s">
        <v>5</v>
      </c>
      <c r="N117" s="14">
        <v>0</v>
      </c>
      <c r="O117" s="14">
        <v>0</v>
      </c>
      <c r="P117" s="14">
        <v>0</v>
      </c>
      <c r="Q117" s="14">
        <v>0</v>
      </c>
      <c r="R117" s="14" t="s">
        <v>5</v>
      </c>
      <c r="S117" s="14" t="s">
        <v>5</v>
      </c>
      <c r="T117" s="13" t="s">
        <v>141</v>
      </c>
    </row>
    <row r="118" spans="1:20" ht="12" customHeight="1" x14ac:dyDescent="0.15">
      <c r="A118" s="16" t="s">
        <v>139</v>
      </c>
      <c r="B118" s="17" t="s">
        <v>140</v>
      </c>
      <c r="C118" s="14">
        <v>18</v>
      </c>
      <c r="D118" s="14">
        <v>469</v>
      </c>
      <c r="E118" s="14">
        <v>395</v>
      </c>
      <c r="F118" s="14">
        <v>73</v>
      </c>
      <c r="G118" s="14">
        <v>1</v>
      </c>
      <c r="H118" s="14">
        <v>0</v>
      </c>
      <c r="I118" s="14">
        <v>250321</v>
      </c>
      <c r="J118" s="14">
        <v>1679944</v>
      </c>
      <c r="K118" s="14">
        <v>2284510</v>
      </c>
      <c r="L118" s="14">
        <v>2045914</v>
      </c>
      <c r="M118" s="14">
        <v>59950</v>
      </c>
      <c r="N118" s="14">
        <v>0</v>
      </c>
      <c r="O118" s="14">
        <v>178490</v>
      </c>
      <c r="P118" s="14">
        <v>156</v>
      </c>
      <c r="Q118" s="14">
        <v>0</v>
      </c>
      <c r="R118" s="14">
        <v>405356</v>
      </c>
      <c r="S118" s="14">
        <v>33175</v>
      </c>
      <c r="T118" s="13" t="s">
        <v>139</v>
      </c>
    </row>
    <row r="119" spans="1:20" ht="12" customHeight="1" x14ac:dyDescent="0.15">
      <c r="A119" s="16" t="s">
        <v>137</v>
      </c>
      <c r="B119" s="15" t="s">
        <v>138</v>
      </c>
      <c r="C119" s="14">
        <v>13</v>
      </c>
      <c r="D119" s="14">
        <v>205</v>
      </c>
      <c r="E119" s="14">
        <v>160</v>
      </c>
      <c r="F119" s="14">
        <v>44</v>
      </c>
      <c r="G119" s="14">
        <v>1</v>
      </c>
      <c r="H119" s="14">
        <v>0</v>
      </c>
      <c r="I119" s="14">
        <v>96487</v>
      </c>
      <c r="J119" s="14">
        <v>454227</v>
      </c>
      <c r="K119" s="14">
        <v>734761</v>
      </c>
      <c r="L119" s="14">
        <v>719532</v>
      </c>
      <c r="M119" s="14">
        <v>10640</v>
      </c>
      <c r="N119" s="14">
        <v>0</v>
      </c>
      <c r="O119" s="14">
        <v>4589</v>
      </c>
      <c r="P119" s="14">
        <v>0</v>
      </c>
      <c r="Q119" s="14">
        <v>0</v>
      </c>
      <c r="R119" s="14">
        <v>194095</v>
      </c>
      <c r="S119" s="14">
        <v>272</v>
      </c>
      <c r="T119" s="13" t="s">
        <v>137</v>
      </c>
    </row>
    <row r="120" spans="1:20" ht="12" customHeight="1" x14ac:dyDescent="0.15">
      <c r="A120" s="16" t="s">
        <v>135</v>
      </c>
      <c r="B120" s="15" t="s">
        <v>136</v>
      </c>
      <c r="C120" s="14">
        <v>11</v>
      </c>
      <c r="D120" s="14">
        <v>1835</v>
      </c>
      <c r="E120" s="14">
        <v>1630</v>
      </c>
      <c r="F120" s="14">
        <v>205</v>
      </c>
      <c r="G120" s="14">
        <v>0</v>
      </c>
      <c r="H120" s="14">
        <v>0</v>
      </c>
      <c r="I120" s="14" t="s">
        <v>5</v>
      </c>
      <c r="J120" s="14" t="s">
        <v>5</v>
      </c>
      <c r="K120" s="14" t="s">
        <v>5</v>
      </c>
      <c r="L120" s="14" t="s">
        <v>5</v>
      </c>
      <c r="M120" s="14" t="s">
        <v>5</v>
      </c>
      <c r="N120" s="14">
        <v>0</v>
      </c>
      <c r="O120" s="14">
        <v>966156</v>
      </c>
      <c r="P120" s="14">
        <v>236376</v>
      </c>
      <c r="Q120" s="14">
        <v>0</v>
      </c>
      <c r="R120" s="14" t="s">
        <v>5</v>
      </c>
      <c r="S120" s="14" t="s">
        <v>5</v>
      </c>
      <c r="T120" s="13" t="s">
        <v>135</v>
      </c>
    </row>
    <row r="121" spans="1:20" ht="12" customHeight="1" x14ac:dyDescent="0.15">
      <c r="A121" s="16" t="s">
        <v>133</v>
      </c>
      <c r="B121" s="15" t="s">
        <v>134</v>
      </c>
      <c r="C121" s="14">
        <v>25</v>
      </c>
      <c r="D121" s="14">
        <v>220</v>
      </c>
      <c r="E121" s="14">
        <v>177</v>
      </c>
      <c r="F121" s="14">
        <v>38</v>
      </c>
      <c r="G121" s="14">
        <v>3</v>
      </c>
      <c r="H121" s="14">
        <v>2</v>
      </c>
      <c r="I121" s="14">
        <v>100296</v>
      </c>
      <c r="J121" s="14">
        <v>210146</v>
      </c>
      <c r="K121" s="14">
        <v>418273</v>
      </c>
      <c r="L121" s="14">
        <v>367593</v>
      </c>
      <c r="M121" s="14">
        <v>49891</v>
      </c>
      <c r="N121" s="14">
        <v>0</v>
      </c>
      <c r="O121" s="14">
        <v>521</v>
      </c>
      <c r="P121" s="14">
        <v>268</v>
      </c>
      <c r="Q121" s="14">
        <v>0</v>
      </c>
      <c r="R121" s="14">
        <v>0</v>
      </c>
      <c r="S121" s="14">
        <v>0</v>
      </c>
      <c r="T121" s="13" t="s">
        <v>133</v>
      </c>
    </row>
    <row r="122" spans="1:20" ht="12" customHeight="1" x14ac:dyDescent="0.15">
      <c r="A122" s="16" t="s">
        <v>131</v>
      </c>
      <c r="B122" s="15" t="s">
        <v>132</v>
      </c>
      <c r="C122" s="14">
        <v>12</v>
      </c>
      <c r="D122" s="14">
        <v>162</v>
      </c>
      <c r="E122" s="14">
        <v>125</v>
      </c>
      <c r="F122" s="14">
        <v>37</v>
      </c>
      <c r="G122" s="14">
        <v>0</v>
      </c>
      <c r="H122" s="14">
        <v>0</v>
      </c>
      <c r="I122" s="14">
        <v>71759</v>
      </c>
      <c r="J122" s="14">
        <v>178102</v>
      </c>
      <c r="K122" s="14">
        <v>444301</v>
      </c>
      <c r="L122" s="14">
        <v>368434</v>
      </c>
      <c r="M122" s="14">
        <v>56116</v>
      </c>
      <c r="N122" s="14">
        <v>0</v>
      </c>
      <c r="O122" s="14">
        <v>19751</v>
      </c>
      <c r="P122" s="14">
        <v>0</v>
      </c>
      <c r="Q122" s="14">
        <v>0</v>
      </c>
      <c r="R122" s="14" t="s">
        <v>5</v>
      </c>
      <c r="S122" s="14" t="s">
        <v>5</v>
      </c>
      <c r="T122" s="13" t="s">
        <v>131</v>
      </c>
    </row>
    <row r="123" spans="1:20" ht="8.25" customHeight="1" x14ac:dyDescent="0.15">
      <c r="A123" s="16"/>
      <c r="B123" s="15"/>
      <c r="C123" s="14"/>
      <c r="D123" s="14"/>
      <c r="E123" s="14"/>
      <c r="F123" s="14"/>
      <c r="G123" s="14"/>
      <c r="H123" s="14"/>
      <c r="I123" s="14"/>
      <c r="J123" s="14"/>
      <c r="K123" s="14"/>
      <c r="L123" s="14"/>
      <c r="M123" s="14"/>
      <c r="N123" s="14"/>
      <c r="O123" s="14"/>
      <c r="P123" s="14"/>
      <c r="Q123" s="14"/>
      <c r="R123" s="14"/>
      <c r="S123" s="14"/>
      <c r="T123" s="13"/>
    </row>
    <row r="124" spans="1:20" s="18" customFormat="1" ht="12" customHeight="1" x14ac:dyDescent="0.15">
      <c r="A124" s="22" t="s">
        <v>129</v>
      </c>
      <c r="B124" s="21" t="s">
        <v>130</v>
      </c>
      <c r="C124" s="20">
        <v>1316</v>
      </c>
      <c r="D124" s="20">
        <v>18917</v>
      </c>
      <c r="E124" s="20">
        <v>14008</v>
      </c>
      <c r="F124" s="20">
        <v>4614</v>
      </c>
      <c r="G124" s="20">
        <v>209</v>
      </c>
      <c r="H124" s="20">
        <v>86</v>
      </c>
      <c r="I124" s="20">
        <v>7586754</v>
      </c>
      <c r="J124" s="20">
        <v>18446947</v>
      </c>
      <c r="K124" s="20">
        <v>34287439</v>
      </c>
      <c r="L124" s="20">
        <v>24813398</v>
      </c>
      <c r="M124" s="20">
        <v>7394855</v>
      </c>
      <c r="N124" s="20">
        <v>19583</v>
      </c>
      <c r="O124" s="20">
        <v>1902518</v>
      </c>
      <c r="P124" s="20">
        <v>157085</v>
      </c>
      <c r="Q124" s="20">
        <v>0</v>
      </c>
      <c r="R124" s="20">
        <v>6282093</v>
      </c>
      <c r="S124" s="20">
        <v>523838</v>
      </c>
      <c r="T124" s="19" t="s">
        <v>129</v>
      </c>
    </row>
    <row r="125" spans="1:20" ht="12" customHeight="1" x14ac:dyDescent="0.15">
      <c r="A125" s="16" t="s">
        <v>127</v>
      </c>
      <c r="B125" s="15" t="s">
        <v>128</v>
      </c>
      <c r="C125" s="14">
        <v>16</v>
      </c>
      <c r="D125" s="14">
        <v>384</v>
      </c>
      <c r="E125" s="14">
        <v>253</v>
      </c>
      <c r="F125" s="14">
        <v>131</v>
      </c>
      <c r="G125" s="14">
        <v>0</v>
      </c>
      <c r="H125" s="14">
        <v>0</v>
      </c>
      <c r="I125" s="14">
        <v>182205</v>
      </c>
      <c r="J125" s="14">
        <v>638043</v>
      </c>
      <c r="K125" s="14">
        <v>979612</v>
      </c>
      <c r="L125" s="14">
        <v>817503</v>
      </c>
      <c r="M125" s="14">
        <v>24483</v>
      </c>
      <c r="N125" s="14">
        <v>0</v>
      </c>
      <c r="O125" s="14">
        <v>135846</v>
      </c>
      <c r="P125" s="14">
        <v>1780</v>
      </c>
      <c r="Q125" s="14">
        <v>0</v>
      </c>
      <c r="R125" s="14">
        <v>131441</v>
      </c>
      <c r="S125" s="14">
        <v>52431</v>
      </c>
      <c r="T125" s="13" t="s">
        <v>127</v>
      </c>
    </row>
    <row r="126" spans="1:20" ht="12" customHeight="1" x14ac:dyDescent="0.15">
      <c r="A126" s="16" t="s">
        <v>125</v>
      </c>
      <c r="B126" s="15" t="s">
        <v>126</v>
      </c>
      <c r="C126" s="14">
        <v>139</v>
      </c>
      <c r="D126" s="14">
        <v>2088</v>
      </c>
      <c r="E126" s="14">
        <v>1500</v>
      </c>
      <c r="F126" s="14">
        <v>550</v>
      </c>
      <c r="G126" s="14">
        <v>22</v>
      </c>
      <c r="H126" s="14">
        <v>16</v>
      </c>
      <c r="I126" s="14">
        <v>918750</v>
      </c>
      <c r="J126" s="14">
        <v>2040404</v>
      </c>
      <c r="K126" s="14">
        <v>4230476</v>
      </c>
      <c r="L126" s="14">
        <v>3631829</v>
      </c>
      <c r="M126" s="14">
        <v>181799</v>
      </c>
      <c r="N126" s="14">
        <v>7787</v>
      </c>
      <c r="O126" s="14">
        <v>382957</v>
      </c>
      <c r="P126" s="14">
        <v>26104</v>
      </c>
      <c r="Q126" s="14">
        <v>0</v>
      </c>
      <c r="R126" s="14">
        <v>1151001</v>
      </c>
      <c r="S126" s="14">
        <v>27777</v>
      </c>
      <c r="T126" s="13" t="s">
        <v>125</v>
      </c>
    </row>
    <row r="127" spans="1:20" ht="12" customHeight="1" x14ac:dyDescent="0.15">
      <c r="A127" s="16" t="s">
        <v>123</v>
      </c>
      <c r="B127" s="15" t="s">
        <v>124</v>
      </c>
      <c r="C127" s="14">
        <v>72</v>
      </c>
      <c r="D127" s="14">
        <v>1598</v>
      </c>
      <c r="E127" s="14">
        <v>1194</v>
      </c>
      <c r="F127" s="14">
        <v>397</v>
      </c>
      <c r="G127" s="14">
        <v>6</v>
      </c>
      <c r="H127" s="14">
        <v>1</v>
      </c>
      <c r="I127" s="14">
        <v>728585</v>
      </c>
      <c r="J127" s="14">
        <v>3274654</v>
      </c>
      <c r="K127" s="14">
        <v>5153941</v>
      </c>
      <c r="L127" s="14">
        <v>4382967</v>
      </c>
      <c r="M127" s="14">
        <v>85559</v>
      </c>
      <c r="N127" s="14">
        <v>800</v>
      </c>
      <c r="O127" s="14">
        <v>635615</v>
      </c>
      <c r="P127" s="14">
        <v>49000</v>
      </c>
      <c r="Q127" s="14">
        <v>0</v>
      </c>
      <c r="R127" s="14">
        <v>1194078</v>
      </c>
      <c r="S127" s="14">
        <v>141805</v>
      </c>
      <c r="T127" s="13" t="s">
        <v>123</v>
      </c>
    </row>
    <row r="128" spans="1:20" ht="12" customHeight="1" x14ac:dyDescent="0.15">
      <c r="A128" s="16" t="s">
        <v>121</v>
      </c>
      <c r="B128" s="15" t="s">
        <v>122</v>
      </c>
      <c r="C128" s="14">
        <v>342</v>
      </c>
      <c r="D128" s="14">
        <v>4183</v>
      </c>
      <c r="E128" s="14">
        <v>3330</v>
      </c>
      <c r="F128" s="14">
        <v>770</v>
      </c>
      <c r="G128" s="14">
        <v>59</v>
      </c>
      <c r="H128" s="14">
        <v>24</v>
      </c>
      <c r="I128" s="14">
        <v>1724298</v>
      </c>
      <c r="J128" s="14">
        <v>5168482</v>
      </c>
      <c r="K128" s="14">
        <v>8577691</v>
      </c>
      <c r="L128" s="14">
        <v>7332759</v>
      </c>
      <c r="M128" s="14">
        <v>931181</v>
      </c>
      <c r="N128" s="14">
        <v>9992</v>
      </c>
      <c r="O128" s="14">
        <v>242161</v>
      </c>
      <c r="P128" s="14">
        <v>61598</v>
      </c>
      <c r="Q128" s="14">
        <v>0</v>
      </c>
      <c r="R128" s="14">
        <v>959373</v>
      </c>
      <c r="S128" s="14">
        <v>68577</v>
      </c>
      <c r="T128" s="13" t="s">
        <v>121</v>
      </c>
    </row>
    <row r="129" spans="1:20" ht="12" customHeight="1" x14ac:dyDescent="0.15">
      <c r="A129" s="28" t="s">
        <v>119</v>
      </c>
      <c r="B129" s="27" t="s">
        <v>120</v>
      </c>
      <c r="C129" s="14">
        <v>136</v>
      </c>
      <c r="D129" s="14">
        <v>2080</v>
      </c>
      <c r="E129" s="14">
        <v>1486</v>
      </c>
      <c r="F129" s="14">
        <v>569</v>
      </c>
      <c r="G129" s="14">
        <v>20</v>
      </c>
      <c r="H129" s="14">
        <v>5</v>
      </c>
      <c r="I129" s="14">
        <v>789831</v>
      </c>
      <c r="J129" s="14">
        <v>1693690</v>
      </c>
      <c r="K129" s="14">
        <v>3376048</v>
      </c>
      <c r="L129" s="14">
        <v>2817490</v>
      </c>
      <c r="M129" s="14">
        <v>336345</v>
      </c>
      <c r="N129" s="14">
        <v>0</v>
      </c>
      <c r="O129" s="14">
        <v>211813</v>
      </c>
      <c r="P129" s="14">
        <v>10400</v>
      </c>
      <c r="Q129" s="14">
        <v>0</v>
      </c>
      <c r="R129" s="14">
        <v>388009</v>
      </c>
      <c r="S129" s="14">
        <v>38998</v>
      </c>
      <c r="T129" s="26" t="s">
        <v>119</v>
      </c>
    </row>
    <row r="130" spans="1:20" ht="12" customHeight="1" x14ac:dyDescent="0.15">
      <c r="A130" s="28" t="s">
        <v>117</v>
      </c>
      <c r="B130" s="27" t="s">
        <v>118</v>
      </c>
      <c r="C130" s="14">
        <v>315</v>
      </c>
      <c r="D130" s="14">
        <v>5235</v>
      </c>
      <c r="E130" s="14">
        <v>3887</v>
      </c>
      <c r="F130" s="14">
        <v>1286</v>
      </c>
      <c r="G130" s="14">
        <v>44</v>
      </c>
      <c r="H130" s="14">
        <v>18</v>
      </c>
      <c r="I130" s="14">
        <v>1981897</v>
      </c>
      <c r="J130" s="14">
        <v>2814292</v>
      </c>
      <c r="K130" s="14">
        <v>6523917</v>
      </c>
      <c r="L130" s="14">
        <v>1001968</v>
      </c>
      <c r="M130" s="14">
        <v>5396731</v>
      </c>
      <c r="N130" s="14">
        <v>0</v>
      </c>
      <c r="O130" s="14">
        <v>119775</v>
      </c>
      <c r="P130" s="14">
        <v>5443</v>
      </c>
      <c r="Q130" s="14">
        <v>0</v>
      </c>
      <c r="R130" s="14">
        <v>1650946</v>
      </c>
      <c r="S130" s="14">
        <v>131286</v>
      </c>
      <c r="T130" s="26" t="s">
        <v>117</v>
      </c>
    </row>
    <row r="131" spans="1:20" ht="12" customHeight="1" x14ac:dyDescent="0.15">
      <c r="A131" s="28" t="s">
        <v>115</v>
      </c>
      <c r="B131" s="27" t="s">
        <v>116</v>
      </c>
      <c r="C131" s="14">
        <v>37</v>
      </c>
      <c r="D131" s="14">
        <v>300</v>
      </c>
      <c r="E131" s="14">
        <v>184</v>
      </c>
      <c r="F131" s="14">
        <v>105</v>
      </c>
      <c r="G131" s="14">
        <v>9</v>
      </c>
      <c r="H131" s="14">
        <v>2</v>
      </c>
      <c r="I131" s="14">
        <v>100076</v>
      </c>
      <c r="J131" s="14">
        <v>425521</v>
      </c>
      <c r="K131" s="14">
        <v>640638</v>
      </c>
      <c r="L131" s="14">
        <v>583671</v>
      </c>
      <c r="M131" s="14">
        <v>56967</v>
      </c>
      <c r="N131" s="14">
        <v>0</v>
      </c>
      <c r="O131" s="14">
        <v>0</v>
      </c>
      <c r="P131" s="14">
        <v>0</v>
      </c>
      <c r="Q131" s="14">
        <v>0</v>
      </c>
      <c r="R131" s="14">
        <v>0</v>
      </c>
      <c r="S131" s="14">
        <v>0</v>
      </c>
      <c r="T131" s="26" t="s">
        <v>115</v>
      </c>
    </row>
    <row r="132" spans="1:20" ht="12" customHeight="1" x14ac:dyDescent="0.15">
      <c r="A132" s="28" t="s">
        <v>113</v>
      </c>
      <c r="B132" s="27" t="s">
        <v>114</v>
      </c>
      <c r="C132" s="14">
        <v>158</v>
      </c>
      <c r="D132" s="14">
        <v>1820</v>
      </c>
      <c r="E132" s="14">
        <v>1314</v>
      </c>
      <c r="F132" s="14">
        <v>460</v>
      </c>
      <c r="G132" s="14">
        <v>34</v>
      </c>
      <c r="H132" s="14">
        <v>12</v>
      </c>
      <c r="I132" s="14">
        <v>680157</v>
      </c>
      <c r="J132" s="14">
        <v>1599433</v>
      </c>
      <c r="K132" s="14">
        <v>3119484</v>
      </c>
      <c r="L132" s="14">
        <v>2891630</v>
      </c>
      <c r="M132" s="14">
        <v>192067</v>
      </c>
      <c r="N132" s="14">
        <v>0</v>
      </c>
      <c r="O132" s="14">
        <v>35787</v>
      </c>
      <c r="P132" s="14">
        <v>0</v>
      </c>
      <c r="Q132" s="14">
        <v>0</v>
      </c>
      <c r="R132" s="14">
        <v>600829</v>
      </c>
      <c r="S132" s="14">
        <v>54598</v>
      </c>
      <c r="T132" s="26" t="s">
        <v>113</v>
      </c>
    </row>
    <row r="133" spans="1:20" ht="12" customHeight="1" x14ac:dyDescent="0.15">
      <c r="A133" s="12" t="s">
        <v>111</v>
      </c>
      <c r="B133" s="35" t="s">
        <v>112</v>
      </c>
      <c r="C133" s="10">
        <v>101</v>
      </c>
      <c r="D133" s="10">
        <v>1229</v>
      </c>
      <c r="E133" s="10">
        <v>860</v>
      </c>
      <c r="F133" s="10">
        <v>346</v>
      </c>
      <c r="G133" s="10">
        <v>15</v>
      </c>
      <c r="H133" s="10">
        <v>8</v>
      </c>
      <c r="I133" s="10">
        <v>480955</v>
      </c>
      <c r="J133" s="10">
        <v>792428</v>
      </c>
      <c r="K133" s="10">
        <v>1685632</v>
      </c>
      <c r="L133" s="10">
        <v>1353581</v>
      </c>
      <c r="M133" s="10">
        <v>189723</v>
      </c>
      <c r="N133" s="10">
        <v>1004</v>
      </c>
      <c r="O133" s="10">
        <v>138564</v>
      </c>
      <c r="P133" s="10">
        <v>2760</v>
      </c>
      <c r="Q133" s="10">
        <v>0</v>
      </c>
      <c r="R133" s="10">
        <v>206416</v>
      </c>
      <c r="S133" s="10">
        <v>8366</v>
      </c>
      <c r="T133" s="34" t="s">
        <v>111</v>
      </c>
    </row>
    <row r="134" spans="1:20" ht="9.75" customHeight="1" x14ac:dyDescent="0.15">
      <c r="A134" s="28"/>
      <c r="B134" s="27"/>
      <c r="C134" s="14"/>
      <c r="D134" s="14"/>
      <c r="E134" s="14"/>
      <c r="F134" s="14"/>
      <c r="G134" s="14"/>
      <c r="H134" s="14"/>
      <c r="I134" s="14"/>
      <c r="J134" s="14"/>
      <c r="K134" s="14"/>
      <c r="L134" s="14"/>
      <c r="M134" s="14"/>
      <c r="N134" s="14"/>
      <c r="O134" s="14"/>
      <c r="P134" s="14"/>
      <c r="Q134" s="14"/>
      <c r="R134" s="14"/>
      <c r="S134" s="14"/>
      <c r="T134" s="26"/>
    </row>
    <row r="135" spans="1:20" s="18" customFormat="1" ht="12" customHeight="1" x14ac:dyDescent="0.15">
      <c r="A135" s="33" t="s">
        <v>109</v>
      </c>
      <c r="B135" s="32" t="s">
        <v>110</v>
      </c>
      <c r="C135" s="20">
        <v>330</v>
      </c>
      <c r="D135" s="20">
        <v>5584</v>
      </c>
      <c r="E135" s="20">
        <v>4397</v>
      </c>
      <c r="F135" s="20">
        <v>1146</v>
      </c>
      <c r="G135" s="20">
        <v>29</v>
      </c>
      <c r="H135" s="20">
        <v>12</v>
      </c>
      <c r="I135" s="20">
        <v>2569581</v>
      </c>
      <c r="J135" s="20">
        <v>6172454</v>
      </c>
      <c r="K135" s="20">
        <v>11897123</v>
      </c>
      <c r="L135" s="20">
        <v>10497914</v>
      </c>
      <c r="M135" s="20">
        <v>710597</v>
      </c>
      <c r="N135" s="20">
        <v>393640</v>
      </c>
      <c r="O135" s="20">
        <v>61945</v>
      </c>
      <c r="P135" s="20">
        <v>233027</v>
      </c>
      <c r="Q135" s="20">
        <v>0</v>
      </c>
      <c r="R135" s="20">
        <v>2862068</v>
      </c>
      <c r="S135" s="20">
        <v>183585</v>
      </c>
      <c r="T135" s="31" t="s">
        <v>109</v>
      </c>
    </row>
    <row r="136" spans="1:20" ht="12" customHeight="1" x14ac:dyDescent="0.15">
      <c r="A136" s="28" t="s">
        <v>107</v>
      </c>
      <c r="B136" s="27" t="s">
        <v>108</v>
      </c>
      <c r="C136" s="14">
        <v>8</v>
      </c>
      <c r="D136" s="14">
        <v>166</v>
      </c>
      <c r="E136" s="14">
        <v>143</v>
      </c>
      <c r="F136" s="14">
        <v>22</v>
      </c>
      <c r="G136" s="14">
        <v>1</v>
      </c>
      <c r="H136" s="14">
        <v>0</v>
      </c>
      <c r="I136" s="14">
        <v>106234</v>
      </c>
      <c r="J136" s="14">
        <v>272690</v>
      </c>
      <c r="K136" s="14">
        <v>543612</v>
      </c>
      <c r="L136" s="14">
        <v>463914</v>
      </c>
      <c r="M136" s="14">
        <v>72530</v>
      </c>
      <c r="N136" s="14">
        <v>0</v>
      </c>
      <c r="O136" s="14">
        <v>0</v>
      </c>
      <c r="P136" s="14">
        <v>7168</v>
      </c>
      <c r="Q136" s="14">
        <v>0</v>
      </c>
      <c r="R136" s="14" t="s">
        <v>5</v>
      </c>
      <c r="S136" s="14" t="s">
        <v>5</v>
      </c>
      <c r="T136" s="26" t="s">
        <v>107</v>
      </c>
    </row>
    <row r="137" spans="1:20" ht="12" customHeight="1" x14ac:dyDescent="0.15">
      <c r="A137" s="28" t="s">
        <v>105</v>
      </c>
      <c r="B137" s="27" t="s">
        <v>106</v>
      </c>
      <c r="C137" s="14">
        <v>54</v>
      </c>
      <c r="D137" s="14">
        <v>918</v>
      </c>
      <c r="E137" s="14">
        <v>724</v>
      </c>
      <c r="F137" s="14">
        <v>181</v>
      </c>
      <c r="G137" s="14">
        <v>8</v>
      </c>
      <c r="H137" s="14">
        <v>5</v>
      </c>
      <c r="I137" s="14">
        <v>362292</v>
      </c>
      <c r="J137" s="14">
        <v>848472</v>
      </c>
      <c r="K137" s="14">
        <v>1541669</v>
      </c>
      <c r="L137" s="14">
        <v>1426418</v>
      </c>
      <c r="M137" s="14">
        <v>55012</v>
      </c>
      <c r="N137" s="14">
        <v>6237</v>
      </c>
      <c r="O137" s="14">
        <v>15909</v>
      </c>
      <c r="P137" s="14">
        <v>38093</v>
      </c>
      <c r="Q137" s="14">
        <v>0</v>
      </c>
      <c r="R137" s="14" t="s">
        <v>5</v>
      </c>
      <c r="S137" s="14" t="s">
        <v>5</v>
      </c>
      <c r="T137" s="26" t="s">
        <v>105</v>
      </c>
    </row>
    <row r="138" spans="1:20" ht="12" customHeight="1" x14ac:dyDescent="0.15">
      <c r="A138" s="28" t="s">
        <v>103</v>
      </c>
      <c r="B138" s="30" t="s">
        <v>104</v>
      </c>
      <c r="C138" s="14">
        <v>115</v>
      </c>
      <c r="D138" s="14">
        <v>1511</v>
      </c>
      <c r="E138" s="14">
        <v>1203</v>
      </c>
      <c r="F138" s="14">
        <v>299</v>
      </c>
      <c r="G138" s="14">
        <v>6</v>
      </c>
      <c r="H138" s="14">
        <v>3</v>
      </c>
      <c r="I138" s="14">
        <v>668938</v>
      </c>
      <c r="J138" s="14">
        <v>1415738</v>
      </c>
      <c r="K138" s="14">
        <v>2708344</v>
      </c>
      <c r="L138" s="14">
        <v>2378875</v>
      </c>
      <c r="M138" s="14">
        <v>242814</v>
      </c>
      <c r="N138" s="14">
        <v>44620</v>
      </c>
      <c r="O138" s="14">
        <v>28061</v>
      </c>
      <c r="P138" s="14">
        <v>13974</v>
      </c>
      <c r="Q138" s="14">
        <v>0</v>
      </c>
      <c r="R138" s="14">
        <v>509603</v>
      </c>
      <c r="S138" s="14">
        <v>18941</v>
      </c>
      <c r="T138" s="29" t="s">
        <v>103</v>
      </c>
    </row>
    <row r="139" spans="1:20" ht="12" customHeight="1" x14ac:dyDescent="0.15">
      <c r="A139" s="28" t="s">
        <v>101</v>
      </c>
      <c r="B139" s="27" t="s">
        <v>102</v>
      </c>
      <c r="C139" s="14">
        <v>153</v>
      </c>
      <c r="D139" s="14">
        <v>2989</v>
      </c>
      <c r="E139" s="14">
        <v>2327</v>
      </c>
      <c r="F139" s="14">
        <v>644</v>
      </c>
      <c r="G139" s="14">
        <v>14</v>
      </c>
      <c r="H139" s="14">
        <v>4</v>
      </c>
      <c r="I139" s="14">
        <v>1432117</v>
      </c>
      <c r="J139" s="14">
        <v>3635554</v>
      </c>
      <c r="K139" s="14">
        <v>7103498</v>
      </c>
      <c r="L139" s="14">
        <v>6228707</v>
      </c>
      <c r="M139" s="14">
        <v>340241</v>
      </c>
      <c r="N139" s="14">
        <v>342783</v>
      </c>
      <c r="O139" s="14">
        <v>17975</v>
      </c>
      <c r="P139" s="14">
        <v>173792</v>
      </c>
      <c r="Q139" s="14">
        <v>0</v>
      </c>
      <c r="R139" s="14">
        <v>1852921</v>
      </c>
      <c r="S139" s="14">
        <v>131129</v>
      </c>
      <c r="T139" s="26" t="s">
        <v>101</v>
      </c>
    </row>
    <row r="140" spans="1:20" ht="9.75" customHeight="1" x14ac:dyDescent="0.15">
      <c r="A140" s="16"/>
      <c r="B140" s="15"/>
      <c r="C140" s="14"/>
      <c r="D140" s="14"/>
      <c r="E140" s="14"/>
      <c r="F140" s="14"/>
      <c r="G140" s="14"/>
      <c r="H140" s="14"/>
      <c r="I140" s="14"/>
      <c r="J140" s="14"/>
      <c r="K140" s="14"/>
      <c r="L140" s="14"/>
      <c r="M140" s="14"/>
      <c r="N140" s="14"/>
      <c r="O140" s="14"/>
      <c r="P140" s="14"/>
      <c r="Q140" s="14"/>
      <c r="R140" s="14"/>
      <c r="S140" s="14"/>
      <c r="T140" s="13"/>
    </row>
    <row r="141" spans="1:20" s="18" customFormat="1" ht="12" customHeight="1" x14ac:dyDescent="0.15">
      <c r="A141" s="22" t="s">
        <v>99</v>
      </c>
      <c r="B141" s="21" t="s">
        <v>100</v>
      </c>
      <c r="C141" s="20">
        <v>636</v>
      </c>
      <c r="D141" s="20">
        <v>11091</v>
      </c>
      <c r="E141" s="20">
        <v>9208</v>
      </c>
      <c r="F141" s="20">
        <v>1801</v>
      </c>
      <c r="G141" s="20">
        <v>57</v>
      </c>
      <c r="H141" s="20">
        <v>25</v>
      </c>
      <c r="I141" s="20">
        <v>5165769</v>
      </c>
      <c r="J141" s="20">
        <v>13951667</v>
      </c>
      <c r="K141" s="20">
        <v>25545659</v>
      </c>
      <c r="L141" s="20">
        <v>22110729</v>
      </c>
      <c r="M141" s="20">
        <v>1397000</v>
      </c>
      <c r="N141" s="20">
        <v>371102</v>
      </c>
      <c r="O141" s="20">
        <v>1566109</v>
      </c>
      <c r="P141" s="20">
        <v>100719</v>
      </c>
      <c r="Q141" s="20">
        <v>0</v>
      </c>
      <c r="R141" s="20">
        <v>6320486</v>
      </c>
      <c r="S141" s="20">
        <v>287846</v>
      </c>
      <c r="T141" s="19" t="s">
        <v>99</v>
      </c>
    </row>
    <row r="142" spans="1:20" ht="12" customHeight="1" x14ac:dyDescent="0.15">
      <c r="A142" s="16" t="s">
        <v>97</v>
      </c>
      <c r="B142" s="15" t="s">
        <v>98</v>
      </c>
      <c r="C142" s="14">
        <v>10</v>
      </c>
      <c r="D142" s="14">
        <v>218</v>
      </c>
      <c r="E142" s="14">
        <v>191</v>
      </c>
      <c r="F142" s="14">
        <v>27</v>
      </c>
      <c r="G142" s="14">
        <v>0</v>
      </c>
      <c r="H142" s="14">
        <v>0</v>
      </c>
      <c r="I142" s="14">
        <v>94369</v>
      </c>
      <c r="J142" s="14">
        <v>336698</v>
      </c>
      <c r="K142" s="14">
        <v>498438</v>
      </c>
      <c r="L142" s="14">
        <v>439800</v>
      </c>
      <c r="M142" s="14">
        <v>27713</v>
      </c>
      <c r="N142" s="14">
        <v>0</v>
      </c>
      <c r="O142" s="14">
        <v>30925</v>
      </c>
      <c r="P142" s="14">
        <v>0</v>
      </c>
      <c r="Q142" s="14">
        <v>0</v>
      </c>
      <c r="R142" s="14">
        <v>80427</v>
      </c>
      <c r="S142" s="14">
        <v>4372</v>
      </c>
      <c r="T142" s="13" t="s">
        <v>97</v>
      </c>
    </row>
    <row r="143" spans="1:20" ht="12" customHeight="1" x14ac:dyDescent="0.15">
      <c r="A143" s="16" t="s">
        <v>95</v>
      </c>
      <c r="B143" s="15" t="s">
        <v>96</v>
      </c>
      <c r="C143" s="14">
        <v>30</v>
      </c>
      <c r="D143" s="14">
        <v>478</v>
      </c>
      <c r="E143" s="14">
        <v>403</v>
      </c>
      <c r="F143" s="14">
        <v>69</v>
      </c>
      <c r="G143" s="14">
        <v>3</v>
      </c>
      <c r="H143" s="14">
        <v>3</v>
      </c>
      <c r="I143" s="14">
        <v>206075</v>
      </c>
      <c r="J143" s="14">
        <v>1031000</v>
      </c>
      <c r="K143" s="14">
        <v>1529687</v>
      </c>
      <c r="L143" s="14">
        <v>1479069</v>
      </c>
      <c r="M143" s="14">
        <v>39788</v>
      </c>
      <c r="N143" s="14">
        <v>6160</v>
      </c>
      <c r="O143" s="14">
        <v>0</v>
      </c>
      <c r="P143" s="14">
        <v>4670</v>
      </c>
      <c r="Q143" s="14">
        <v>0</v>
      </c>
      <c r="R143" s="14">
        <v>240005</v>
      </c>
      <c r="S143" s="14">
        <v>10174</v>
      </c>
      <c r="T143" s="13" t="s">
        <v>95</v>
      </c>
    </row>
    <row r="144" spans="1:20" ht="12" customHeight="1" x14ac:dyDescent="0.15">
      <c r="A144" s="16" t="s">
        <v>93</v>
      </c>
      <c r="B144" s="15" t="s">
        <v>94</v>
      </c>
      <c r="C144" s="14">
        <v>19</v>
      </c>
      <c r="D144" s="14">
        <v>250</v>
      </c>
      <c r="E144" s="14">
        <v>197</v>
      </c>
      <c r="F144" s="14">
        <v>52</v>
      </c>
      <c r="G144" s="14">
        <v>1</v>
      </c>
      <c r="H144" s="14">
        <v>0</v>
      </c>
      <c r="I144" s="14">
        <v>99440</v>
      </c>
      <c r="J144" s="14">
        <v>479910</v>
      </c>
      <c r="K144" s="14">
        <v>671686</v>
      </c>
      <c r="L144" s="14">
        <v>630575</v>
      </c>
      <c r="M144" s="14">
        <v>21522</v>
      </c>
      <c r="N144" s="14">
        <v>188</v>
      </c>
      <c r="O144" s="14">
        <v>19401</v>
      </c>
      <c r="P144" s="14">
        <v>0</v>
      </c>
      <c r="Q144" s="14">
        <v>0</v>
      </c>
      <c r="R144" s="14" t="s">
        <v>5</v>
      </c>
      <c r="S144" s="14" t="s">
        <v>5</v>
      </c>
      <c r="T144" s="13" t="s">
        <v>93</v>
      </c>
    </row>
    <row r="145" spans="1:20" ht="12" customHeight="1" x14ac:dyDescent="0.15">
      <c r="A145" s="16" t="s">
        <v>91</v>
      </c>
      <c r="B145" s="15" t="s">
        <v>92</v>
      </c>
      <c r="C145" s="14">
        <v>84</v>
      </c>
      <c r="D145" s="14">
        <v>1298</v>
      </c>
      <c r="E145" s="14">
        <v>1085</v>
      </c>
      <c r="F145" s="14">
        <v>211</v>
      </c>
      <c r="G145" s="14">
        <v>1</v>
      </c>
      <c r="H145" s="14">
        <v>1</v>
      </c>
      <c r="I145" s="14">
        <v>610997</v>
      </c>
      <c r="J145" s="14">
        <v>1103472</v>
      </c>
      <c r="K145" s="14">
        <v>2332623</v>
      </c>
      <c r="L145" s="14">
        <v>2074173</v>
      </c>
      <c r="M145" s="14">
        <v>105445</v>
      </c>
      <c r="N145" s="14">
        <v>85260</v>
      </c>
      <c r="O145" s="14">
        <v>55804</v>
      </c>
      <c r="P145" s="14">
        <v>11941</v>
      </c>
      <c r="Q145" s="14">
        <v>0</v>
      </c>
      <c r="R145" s="14">
        <v>461926</v>
      </c>
      <c r="S145" s="14">
        <v>23756</v>
      </c>
      <c r="T145" s="13" t="s">
        <v>91</v>
      </c>
    </row>
    <row r="146" spans="1:20" ht="12" customHeight="1" x14ac:dyDescent="0.15">
      <c r="A146" s="16" t="s">
        <v>89</v>
      </c>
      <c r="B146" s="15" t="s">
        <v>90</v>
      </c>
      <c r="C146" s="14">
        <v>81</v>
      </c>
      <c r="D146" s="14">
        <v>2621</v>
      </c>
      <c r="E146" s="14">
        <v>2257</v>
      </c>
      <c r="F146" s="14">
        <v>357</v>
      </c>
      <c r="G146" s="14">
        <v>4</v>
      </c>
      <c r="H146" s="14">
        <v>3</v>
      </c>
      <c r="I146" s="14">
        <v>1335233</v>
      </c>
      <c r="J146" s="14">
        <v>4474887</v>
      </c>
      <c r="K146" s="14">
        <v>8143193</v>
      </c>
      <c r="L146" s="14">
        <v>7825929</v>
      </c>
      <c r="M146" s="14">
        <v>89773</v>
      </c>
      <c r="N146" s="14">
        <v>117178</v>
      </c>
      <c r="O146" s="14">
        <v>54995</v>
      </c>
      <c r="P146" s="14">
        <v>55318</v>
      </c>
      <c r="Q146" s="14">
        <v>0</v>
      </c>
      <c r="R146" s="14">
        <v>2459816</v>
      </c>
      <c r="S146" s="14">
        <v>162843</v>
      </c>
      <c r="T146" s="13" t="s">
        <v>89</v>
      </c>
    </row>
    <row r="147" spans="1:20" ht="12" customHeight="1" x14ac:dyDescent="0.15">
      <c r="A147" s="16" t="s">
        <v>87</v>
      </c>
      <c r="B147" s="15" t="s">
        <v>88</v>
      </c>
      <c r="C147" s="14">
        <v>219</v>
      </c>
      <c r="D147" s="14">
        <v>3028</v>
      </c>
      <c r="E147" s="14">
        <v>2386</v>
      </c>
      <c r="F147" s="14">
        <v>606</v>
      </c>
      <c r="G147" s="14">
        <v>27</v>
      </c>
      <c r="H147" s="14">
        <v>9</v>
      </c>
      <c r="I147" s="14">
        <v>1309079</v>
      </c>
      <c r="J147" s="14">
        <v>2420339</v>
      </c>
      <c r="K147" s="14">
        <v>5130688</v>
      </c>
      <c r="L147" s="14">
        <v>4139095</v>
      </c>
      <c r="M147" s="14">
        <v>724526</v>
      </c>
      <c r="N147" s="14">
        <v>74036</v>
      </c>
      <c r="O147" s="14">
        <v>171559</v>
      </c>
      <c r="P147" s="14">
        <v>21472</v>
      </c>
      <c r="Q147" s="14">
        <v>0</v>
      </c>
      <c r="R147" s="14">
        <v>1229179</v>
      </c>
      <c r="S147" s="14">
        <v>28297</v>
      </c>
      <c r="T147" s="13" t="s">
        <v>87</v>
      </c>
    </row>
    <row r="148" spans="1:20" ht="12" customHeight="1" x14ac:dyDescent="0.15">
      <c r="A148" s="16" t="s">
        <v>85</v>
      </c>
      <c r="B148" s="15" t="s">
        <v>86</v>
      </c>
      <c r="C148" s="14">
        <v>15</v>
      </c>
      <c r="D148" s="14">
        <v>476</v>
      </c>
      <c r="E148" s="14">
        <v>408</v>
      </c>
      <c r="F148" s="14">
        <v>68</v>
      </c>
      <c r="G148" s="14">
        <v>0</v>
      </c>
      <c r="H148" s="14">
        <v>0</v>
      </c>
      <c r="I148" s="14">
        <v>197115</v>
      </c>
      <c r="J148" s="14">
        <v>1533080</v>
      </c>
      <c r="K148" s="14">
        <v>1979993</v>
      </c>
      <c r="L148" s="14">
        <v>805525</v>
      </c>
      <c r="M148" s="14">
        <v>32777</v>
      </c>
      <c r="N148" s="14">
        <v>15205</v>
      </c>
      <c r="O148" s="14">
        <v>1126486</v>
      </c>
      <c r="P148" s="14">
        <v>0</v>
      </c>
      <c r="Q148" s="14">
        <v>0</v>
      </c>
      <c r="R148" s="14" t="s">
        <v>5</v>
      </c>
      <c r="S148" s="14" t="s">
        <v>5</v>
      </c>
      <c r="T148" s="13" t="s">
        <v>85</v>
      </c>
    </row>
    <row r="149" spans="1:20" ht="12" customHeight="1" x14ac:dyDescent="0.15">
      <c r="A149" s="28" t="s">
        <v>83</v>
      </c>
      <c r="B149" s="27" t="s">
        <v>84</v>
      </c>
      <c r="C149" s="14">
        <v>178</v>
      </c>
      <c r="D149" s="14">
        <v>2722</v>
      </c>
      <c r="E149" s="14">
        <v>2281</v>
      </c>
      <c r="F149" s="14">
        <v>411</v>
      </c>
      <c r="G149" s="14">
        <v>21</v>
      </c>
      <c r="H149" s="14">
        <v>9</v>
      </c>
      <c r="I149" s="14">
        <v>1313461</v>
      </c>
      <c r="J149" s="14">
        <v>2572281</v>
      </c>
      <c r="K149" s="14">
        <v>5259351</v>
      </c>
      <c r="L149" s="14">
        <v>4716563</v>
      </c>
      <c r="M149" s="14">
        <v>355456</v>
      </c>
      <c r="N149" s="14">
        <v>73075</v>
      </c>
      <c r="O149" s="14">
        <v>106939</v>
      </c>
      <c r="P149" s="14">
        <v>7318</v>
      </c>
      <c r="Q149" s="14">
        <v>0</v>
      </c>
      <c r="R149" s="14">
        <v>1546583</v>
      </c>
      <c r="S149" s="14">
        <v>53916</v>
      </c>
      <c r="T149" s="26" t="s">
        <v>83</v>
      </c>
    </row>
    <row r="150" spans="1:20" ht="9.75" customHeight="1" x14ac:dyDescent="0.15">
      <c r="A150" s="28"/>
      <c r="B150" s="27"/>
      <c r="C150" s="14"/>
      <c r="D150" s="14"/>
      <c r="E150" s="14"/>
      <c r="F150" s="14"/>
      <c r="G150" s="14"/>
      <c r="H150" s="14"/>
      <c r="I150" s="14"/>
      <c r="J150" s="14"/>
      <c r="K150" s="14"/>
      <c r="L150" s="14"/>
      <c r="M150" s="14"/>
      <c r="N150" s="14"/>
      <c r="O150" s="14"/>
      <c r="P150" s="14"/>
      <c r="Q150" s="14"/>
      <c r="R150" s="14"/>
      <c r="S150" s="14"/>
      <c r="T150" s="26"/>
    </row>
    <row r="151" spans="1:20" s="18" customFormat="1" ht="12" customHeight="1" x14ac:dyDescent="0.15">
      <c r="A151" s="22" t="s">
        <v>81</v>
      </c>
      <c r="B151" s="21" t="s">
        <v>82</v>
      </c>
      <c r="C151" s="20">
        <v>116</v>
      </c>
      <c r="D151" s="20">
        <v>2018</v>
      </c>
      <c r="E151" s="20">
        <v>1486</v>
      </c>
      <c r="F151" s="20">
        <v>515</v>
      </c>
      <c r="G151" s="20">
        <v>12</v>
      </c>
      <c r="H151" s="20">
        <v>5</v>
      </c>
      <c r="I151" s="20">
        <v>884612</v>
      </c>
      <c r="J151" s="20">
        <v>2202581</v>
      </c>
      <c r="K151" s="20">
        <v>4124716</v>
      </c>
      <c r="L151" s="20">
        <v>3299396</v>
      </c>
      <c r="M151" s="20">
        <v>131719</v>
      </c>
      <c r="N151" s="20">
        <v>184928</v>
      </c>
      <c r="O151" s="20">
        <v>499824</v>
      </c>
      <c r="P151" s="20">
        <v>8849</v>
      </c>
      <c r="Q151" s="20">
        <v>0</v>
      </c>
      <c r="R151" s="20">
        <v>1003032</v>
      </c>
      <c r="S151" s="20">
        <v>56200</v>
      </c>
      <c r="T151" s="19" t="s">
        <v>81</v>
      </c>
    </row>
    <row r="152" spans="1:20" ht="12" customHeight="1" x14ac:dyDescent="0.15">
      <c r="A152" s="16" t="s">
        <v>79</v>
      </c>
      <c r="B152" s="15" t="s">
        <v>80</v>
      </c>
      <c r="C152" s="14">
        <v>12</v>
      </c>
      <c r="D152" s="14">
        <v>331</v>
      </c>
      <c r="E152" s="14">
        <v>228</v>
      </c>
      <c r="F152" s="14">
        <v>103</v>
      </c>
      <c r="G152" s="14">
        <v>0</v>
      </c>
      <c r="H152" s="14">
        <v>0</v>
      </c>
      <c r="I152" s="14">
        <v>132309</v>
      </c>
      <c r="J152" s="14">
        <v>380739</v>
      </c>
      <c r="K152" s="14">
        <v>619746</v>
      </c>
      <c r="L152" s="14">
        <v>398919</v>
      </c>
      <c r="M152" s="14">
        <v>0</v>
      </c>
      <c r="N152" s="14">
        <v>91400</v>
      </c>
      <c r="O152" s="14">
        <v>129427</v>
      </c>
      <c r="P152" s="14">
        <v>0</v>
      </c>
      <c r="Q152" s="14">
        <v>0</v>
      </c>
      <c r="R152" s="14" t="s">
        <v>5</v>
      </c>
      <c r="S152" s="14" t="s">
        <v>5</v>
      </c>
      <c r="T152" s="13" t="s">
        <v>79</v>
      </c>
    </row>
    <row r="153" spans="1:20" ht="12" customHeight="1" x14ac:dyDescent="0.15">
      <c r="A153" s="16" t="s">
        <v>77</v>
      </c>
      <c r="B153" s="15" t="s">
        <v>78</v>
      </c>
      <c r="C153" s="14">
        <v>14</v>
      </c>
      <c r="D153" s="14">
        <v>198</v>
      </c>
      <c r="E153" s="14">
        <v>142</v>
      </c>
      <c r="F153" s="14">
        <v>54</v>
      </c>
      <c r="G153" s="14">
        <v>1</v>
      </c>
      <c r="H153" s="14">
        <v>1</v>
      </c>
      <c r="I153" s="14">
        <v>87399</v>
      </c>
      <c r="J153" s="14">
        <v>365783</v>
      </c>
      <c r="K153" s="14">
        <v>524108</v>
      </c>
      <c r="L153" s="14">
        <v>214426</v>
      </c>
      <c r="M153" s="14">
        <v>22671</v>
      </c>
      <c r="N153" s="14">
        <v>0</v>
      </c>
      <c r="O153" s="14">
        <v>283172</v>
      </c>
      <c r="P153" s="14">
        <v>3839</v>
      </c>
      <c r="Q153" s="14">
        <v>0</v>
      </c>
      <c r="R153" s="14" t="s">
        <v>5</v>
      </c>
      <c r="S153" s="14" t="s">
        <v>5</v>
      </c>
      <c r="T153" s="13" t="s">
        <v>77</v>
      </c>
    </row>
    <row r="154" spans="1:20" ht="12" customHeight="1" x14ac:dyDescent="0.15">
      <c r="A154" s="16" t="s">
        <v>75</v>
      </c>
      <c r="B154" s="25" t="s">
        <v>76</v>
      </c>
      <c r="C154" s="14">
        <v>56</v>
      </c>
      <c r="D154" s="14">
        <v>863</v>
      </c>
      <c r="E154" s="14">
        <v>687</v>
      </c>
      <c r="F154" s="14">
        <v>170</v>
      </c>
      <c r="G154" s="14">
        <v>4</v>
      </c>
      <c r="H154" s="14">
        <v>2</v>
      </c>
      <c r="I154" s="14">
        <v>386385</v>
      </c>
      <c r="J154" s="14">
        <v>671846</v>
      </c>
      <c r="K154" s="14">
        <v>1448482</v>
      </c>
      <c r="L154" s="14">
        <v>1296346</v>
      </c>
      <c r="M154" s="14">
        <v>32011</v>
      </c>
      <c r="N154" s="14">
        <v>79550</v>
      </c>
      <c r="O154" s="14">
        <v>35565</v>
      </c>
      <c r="P154" s="14">
        <v>5010</v>
      </c>
      <c r="Q154" s="14">
        <v>0</v>
      </c>
      <c r="R154" s="14">
        <v>332089</v>
      </c>
      <c r="S154" s="14">
        <v>5106</v>
      </c>
      <c r="T154" s="13" t="s">
        <v>75</v>
      </c>
    </row>
    <row r="155" spans="1:20" ht="12" customHeight="1" x14ac:dyDescent="0.15">
      <c r="A155" s="16" t="s">
        <v>73</v>
      </c>
      <c r="B155" s="15" t="s">
        <v>74</v>
      </c>
      <c r="C155" s="14">
        <v>29</v>
      </c>
      <c r="D155" s="14">
        <v>525</v>
      </c>
      <c r="E155" s="14">
        <v>371</v>
      </c>
      <c r="F155" s="14">
        <v>146</v>
      </c>
      <c r="G155" s="14">
        <v>6</v>
      </c>
      <c r="H155" s="14">
        <v>2</v>
      </c>
      <c r="I155" s="14">
        <v>234043</v>
      </c>
      <c r="J155" s="14">
        <v>698667</v>
      </c>
      <c r="K155" s="14">
        <v>1391082</v>
      </c>
      <c r="L155" s="14">
        <v>1303133</v>
      </c>
      <c r="M155" s="14">
        <v>54611</v>
      </c>
      <c r="N155" s="14">
        <v>13978</v>
      </c>
      <c r="O155" s="14">
        <v>19360</v>
      </c>
      <c r="P155" s="14">
        <v>0</v>
      </c>
      <c r="Q155" s="14">
        <v>0</v>
      </c>
      <c r="R155" s="14" t="s">
        <v>5</v>
      </c>
      <c r="S155" s="14" t="s">
        <v>5</v>
      </c>
      <c r="T155" s="13" t="s">
        <v>73</v>
      </c>
    </row>
    <row r="156" spans="1:20" ht="12" customHeight="1" x14ac:dyDescent="0.15">
      <c r="A156" s="16" t="s">
        <v>71</v>
      </c>
      <c r="B156" s="15" t="s">
        <v>72</v>
      </c>
      <c r="C156" s="14">
        <v>5</v>
      </c>
      <c r="D156" s="14">
        <v>101</v>
      </c>
      <c r="E156" s="14">
        <v>58</v>
      </c>
      <c r="F156" s="14">
        <v>42</v>
      </c>
      <c r="G156" s="14">
        <v>1</v>
      </c>
      <c r="H156" s="14">
        <v>0</v>
      </c>
      <c r="I156" s="14">
        <v>44476</v>
      </c>
      <c r="J156" s="14">
        <v>85546</v>
      </c>
      <c r="K156" s="14">
        <v>141298</v>
      </c>
      <c r="L156" s="14">
        <v>86572</v>
      </c>
      <c r="M156" s="14">
        <v>22426</v>
      </c>
      <c r="N156" s="14">
        <v>0</v>
      </c>
      <c r="O156" s="14">
        <v>32300</v>
      </c>
      <c r="P156" s="14">
        <v>0</v>
      </c>
      <c r="Q156" s="14">
        <v>0</v>
      </c>
      <c r="R156" s="14">
        <v>0</v>
      </c>
      <c r="S156" s="14">
        <v>0</v>
      </c>
      <c r="T156" s="13" t="s">
        <v>71</v>
      </c>
    </row>
    <row r="157" spans="1:20" ht="9.75" customHeight="1" x14ac:dyDescent="0.15">
      <c r="A157" s="16"/>
      <c r="B157" s="15"/>
      <c r="C157" s="14"/>
      <c r="D157" s="14"/>
      <c r="E157" s="14"/>
      <c r="F157" s="14"/>
      <c r="G157" s="14"/>
      <c r="H157" s="14"/>
      <c r="I157" s="14"/>
      <c r="J157" s="14"/>
      <c r="K157" s="14"/>
      <c r="L157" s="14"/>
      <c r="M157" s="14"/>
      <c r="N157" s="14"/>
      <c r="O157" s="14"/>
      <c r="P157" s="14"/>
      <c r="Q157" s="14"/>
      <c r="R157" s="14"/>
      <c r="S157" s="14"/>
      <c r="T157" s="13"/>
    </row>
    <row r="158" spans="1:20" s="18" customFormat="1" ht="12" customHeight="1" x14ac:dyDescent="0.15">
      <c r="A158" s="22" t="s">
        <v>69</v>
      </c>
      <c r="B158" s="21" t="s">
        <v>70</v>
      </c>
      <c r="C158" s="20">
        <v>55</v>
      </c>
      <c r="D158" s="20">
        <v>1092</v>
      </c>
      <c r="E158" s="20">
        <v>632</v>
      </c>
      <c r="F158" s="20">
        <v>452</v>
      </c>
      <c r="G158" s="20">
        <v>5</v>
      </c>
      <c r="H158" s="20">
        <v>3</v>
      </c>
      <c r="I158" s="20">
        <v>380648</v>
      </c>
      <c r="J158" s="20">
        <v>659460</v>
      </c>
      <c r="K158" s="20">
        <v>1551362</v>
      </c>
      <c r="L158" s="20">
        <v>1374653</v>
      </c>
      <c r="M158" s="20">
        <v>100638</v>
      </c>
      <c r="N158" s="20">
        <v>3600</v>
      </c>
      <c r="O158" s="20">
        <v>64943</v>
      </c>
      <c r="P158" s="20">
        <v>7528</v>
      </c>
      <c r="Q158" s="20">
        <v>0</v>
      </c>
      <c r="R158" s="20">
        <v>399402</v>
      </c>
      <c r="S158" s="20">
        <v>21587</v>
      </c>
      <c r="T158" s="19" t="s">
        <v>69</v>
      </c>
    </row>
    <row r="159" spans="1:20" ht="12" customHeight="1" x14ac:dyDescent="0.15">
      <c r="A159" s="16" t="s">
        <v>67</v>
      </c>
      <c r="B159" s="15" t="s">
        <v>68</v>
      </c>
      <c r="C159" s="14">
        <v>1</v>
      </c>
      <c r="D159" s="14">
        <v>46</v>
      </c>
      <c r="E159" s="14">
        <v>27</v>
      </c>
      <c r="F159" s="14">
        <v>19</v>
      </c>
      <c r="G159" s="14">
        <v>0</v>
      </c>
      <c r="H159" s="14">
        <v>0</v>
      </c>
      <c r="I159" s="14" t="s">
        <v>5</v>
      </c>
      <c r="J159" s="14" t="s">
        <v>5</v>
      </c>
      <c r="K159" s="14" t="s">
        <v>5</v>
      </c>
      <c r="L159" s="14" t="s">
        <v>5</v>
      </c>
      <c r="M159" s="14">
        <v>0</v>
      </c>
      <c r="N159" s="14">
        <v>0</v>
      </c>
      <c r="O159" s="14">
        <v>0</v>
      </c>
      <c r="P159" s="14">
        <v>0</v>
      </c>
      <c r="Q159" s="14">
        <v>0</v>
      </c>
      <c r="R159" s="14" t="s">
        <v>5</v>
      </c>
      <c r="S159" s="14" t="s">
        <v>5</v>
      </c>
      <c r="T159" s="13" t="s">
        <v>67</v>
      </c>
    </row>
    <row r="160" spans="1:20" ht="12" customHeight="1" x14ac:dyDescent="0.15">
      <c r="A160" s="16" t="s">
        <v>65</v>
      </c>
      <c r="B160" s="15" t="s">
        <v>66</v>
      </c>
      <c r="C160" s="14">
        <v>12</v>
      </c>
      <c r="D160" s="14">
        <v>185</v>
      </c>
      <c r="E160" s="14">
        <v>84</v>
      </c>
      <c r="F160" s="14">
        <v>99</v>
      </c>
      <c r="G160" s="14">
        <v>1</v>
      </c>
      <c r="H160" s="14">
        <v>1</v>
      </c>
      <c r="I160" s="14">
        <v>57631</v>
      </c>
      <c r="J160" s="14">
        <v>108714</v>
      </c>
      <c r="K160" s="14">
        <v>384483</v>
      </c>
      <c r="L160" s="14" t="s">
        <v>5</v>
      </c>
      <c r="M160" s="14" t="s">
        <v>5</v>
      </c>
      <c r="N160" s="14">
        <v>0</v>
      </c>
      <c r="O160" s="14">
        <v>0</v>
      </c>
      <c r="P160" s="14">
        <v>108</v>
      </c>
      <c r="Q160" s="14">
        <v>0</v>
      </c>
      <c r="R160" s="14" t="s">
        <v>5</v>
      </c>
      <c r="S160" s="14" t="s">
        <v>5</v>
      </c>
      <c r="T160" s="13" t="s">
        <v>65</v>
      </c>
    </row>
    <row r="161" spans="1:20" ht="12" customHeight="1" x14ac:dyDescent="0.15">
      <c r="A161" s="16" t="s">
        <v>63</v>
      </c>
      <c r="B161" s="15" t="s">
        <v>64</v>
      </c>
      <c r="C161" s="14">
        <v>18</v>
      </c>
      <c r="D161" s="14">
        <v>489</v>
      </c>
      <c r="E161" s="14">
        <v>315</v>
      </c>
      <c r="F161" s="14">
        <v>170</v>
      </c>
      <c r="G161" s="14">
        <v>2</v>
      </c>
      <c r="H161" s="14">
        <v>2</v>
      </c>
      <c r="I161" s="14">
        <v>191645</v>
      </c>
      <c r="J161" s="14">
        <v>263615</v>
      </c>
      <c r="K161" s="14">
        <v>506728</v>
      </c>
      <c r="L161" s="14">
        <v>435898</v>
      </c>
      <c r="M161" s="14">
        <v>35145</v>
      </c>
      <c r="N161" s="14">
        <v>3600</v>
      </c>
      <c r="O161" s="14">
        <v>24665</v>
      </c>
      <c r="P161" s="14">
        <v>7420</v>
      </c>
      <c r="Q161" s="14">
        <v>0</v>
      </c>
      <c r="R161" s="14">
        <v>131040</v>
      </c>
      <c r="S161" s="14">
        <v>5714</v>
      </c>
      <c r="T161" s="13" t="s">
        <v>63</v>
      </c>
    </row>
    <row r="162" spans="1:20" ht="12" customHeight="1" x14ac:dyDescent="0.15">
      <c r="A162" s="16" t="s">
        <v>61</v>
      </c>
      <c r="B162" s="15" t="s">
        <v>62</v>
      </c>
      <c r="C162" s="14">
        <v>2</v>
      </c>
      <c r="D162" s="14">
        <v>25</v>
      </c>
      <c r="E162" s="14">
        <v>7</v>
      </c>
      <c r="F162" s="14">
        <v>18</v>
      </c>
      <c r="G162" s="14">
        <v>0</v>
      </c>
      <c r="H162" s="14">
        <v>0</v>
      </c>
      <c r="I162" s="24" t="s">
        <v>5</v>
      </c>
      <c r="J162" s="24" t="s">
        <v>5</v>
      </c>
      <c r="K162" s="24" t="s">
        <v>5</v>
      </c>
      <c r="L162" s="24" t="s">
        <v>5</v>
      </c>
      <c r="M162" s="24" t="s">
        <v>5</v>
      </c>
      <c r="N162" s="14">
        <v>0</v>
      </c>
      <c r="O162" s="14">
        <v>0</v>
      </c>
      <c r="P162" s="14">
        <v>0</v>
      </c>
      <c r="Q162" s="14">
        <v>0</v>
      </c>
      <c r="R162" s="14">
        <v>0</v>
      </c>
      <c r="S162" s="14">
        <v>0</v>
      </c>
      <c r="T162" s="13" t="s">
        <v>61</v>
      </c>
    </row>
    <row r="163" spans="1:20" ht="12" customHeight="1" x14ac:dyDescent="0.15">
      <c r="A163" s="16" t="s">
        <v>59</v>
      </c>
      <c r="B163" s="15" t="s">
        <v>60</v>
      </c>
      <c r="C163" s="14">
        <v>22</v>
      </c>
      <c r="D163" s="14">
        <v>347</v>
      </c>
      <c r="E163" s="14">
        <v>199</v>
      </c>
      <c r="F163" s="14">
        <v>146</v>
      </c>
      <c r="G163" s="14">
        <v>2</v>
      </c>
      <c r="H163" s="14">
        <v>0</v>
      </c>
      <c r="I163" s="23">
        <v>112350</v>
      </c>
      <c r="J163" s="23">
        <v>270232</v>
      </c>
      <c r="K163" s="23">
        <v>588614</v>
      </c>
      <c r="L163" s="23">
        <v>520791</v>
      </c>
      <c r="M163" s="23">
        <v>27545</v>
      </c>
      <c r="N163" s="14">
        <v>0</v>
      </c>
      <c r="O163" s="14">
        <v>40278</v>
      </c>
      <c r="P163" s="14">
        <v>0</v>
      </c>
      <c r="Q163" s="14">
        <v>0</v>
      </c>
      <c r="R163" s="14" t="s">
        <v>5</v>
      </c>
      <c r="S163" s="14" t="s">
        <v>5</v>
      </c>
      <c r="T163" s="13" t="s">
        <v>59</v>
      </c>
    </row>
    <row r="164" spans="1:20" ht="9.75" customHeight="1" x14ac:dyDescent="0.15">
      <c r="A164" s="16"/>
      <c r="B164" s="15"/>
      <c r="C164" s="14"/>
      <c r="D164" s="14"/>
      <c r="E164" s="14"/>
      <c r="F164" s="14"/>
      <c r="G164" s="14"/>
      <c r="H164" s="14"/>
      <c r="I164" s="14"/>
      <c r="J164" s="14"/>
      <c r="K164" s="14"/>
      <c r="L164" s="14"/>
      <c r="M164" s="14"/>
      <c r="N164" s="14"/>
      <c r="O164" s="14"/>
      <c r="P164" s="14"/>
      <c r="Q164" s="14"/>
      <c r="R164" s="14"/>
      <c r="S164" s="14"/>
      <c r="T164" s="13"/>
    </row>
    <row r="165" spans="1:20" s="18" customFormat="1" ht="12" customHeight="1" x14ac:dyDescent="0.15">
      <c r="A165" s="22" t="s">
        <v>57</v>
      </c>
      <c r="B165" s="21" t="s">
        <v>58</v>
      </c>
      <c r="C165" s="20">
        <v>323</v>
      </c>
      <c r="D165" s="20">
        <v>7298</v>
      </c>
      <c r="E165" s="20">
        <v>5039</v>
      </c>
      <c r="F165" s="20">
        <v>2209</v>
      </c>
      <c r="G165" s="20">
        <v>33</v>
      </c>
      <c r="H165" s="20">
        <v>17</v>
      </c>
      <c r="I165" s="20">
        <v>2979749</v>
      </c>
      <c r="J165" s="20">
        <v>8757128</v>
      </c>
      <c r="K165" s="20">
        <v>15122434</v>
      </c>
      <c r="L165" s="20">
        <v>12768186</v>
      </c>
      <c r="M165" s="20">
        <v>301967</v>
      </c>
      <c r="N165" s="20">
        <v>222203</v>
      </c>
      <c r="O165" s="20">
        <v>1782697</v>
      </c>
      <c r="P165" s="20">
        <v>47381</v>
      </c>
      <c r="Q165" s="20">
        <v>0</v>
      </c>
      <c r="R165" s="20">
        <v>3921314</v>
      </c>
      <c r="S165" s="20">
        <v>205341</v>
      </c>
      <c r="T165" s="19" t="s">
        <v>57</v>
      </c>
    </row>
    <row r="166" spans="1:20" ht="12" customHeight="1" x14ac:dyDescent="0.15">
      <c r="A166" s="16" t="s">
        <v>55</v>
      </c>
      <c r="B166" s="15" t="s">
        <v>56</v>
      </c>
      <c r="C166" s="14">
        <v>139</v>
      </c>
      <c r="D166" s="14">
        <v>3112</v>
      </c>
      <c r="E166" s="14">
        <v>2333</v>
      </c>
      <c r="F166" s="14">
        <v>755</v>
      </c>
      <c r="G166" s="14">
        <v>14</v>
      </c>
      <c r="H166" s="14">
        <v>10</v>
      </c>
      <c r="I166" s="14">
        <v>1396429</v>
      </c>
      <c r="J166" s="14">
        <v>4266040</v>
      </c>
      <c r="K166" s="14">
        <v>7209122</v>
      </c>
      <c r="L166" s="14">
        <v>5404219</v>
      </c>
      <c r="M166" s="14">
        <v>103459</v>
      </c>
      <c r="N166" s="14">
        <v>76694</v>
      </c>
      <c r="O166" s="14">
        <v>1606474</v>
      </c>
      <c r="P166" s="14">
        <v>18276</v>
      </c>
      <c r="Q166" s="14">
        <v>0</v>
      </c>
      <c r="R166" s="14">
        <v>1769750</v>
      </c>
      <c r="S166" s="14">
        <v>108916</v>
      </c>
      <c r="T166" s="13" t="s">
        <v>55</v>
      </c>
    </row>
    <row r="167" spans="1:20" ht="12" customHeight="1" x14ac:dyDescent="0.15">
      <c r="A167" s="16" t="s">
        <v>53</v>
      </c>
      <c r="B167" s="15" t="s">
        <v>54</v>
      </c>
      <c r="C167" s="14">
        <v>34</v>
      </c>
      <c r="D167" s="14">
        <v>944</v>
      </c>
      <c r="E167" s="14">
        <v>610</v>
      </c>
      <c r="F167" s="14">
        <v>329</v>
      </c>
      <c r="G167" s="14">
        <v>5</v>
      </c>
      <c r="H167" s="14">
        <v>0</v>
      </c>
      <c r="I167" s="14">
        <v>349660</v>
      </c>
      <c r="J167" s="14">
        <v>1188574</v>
      </c>
      <c r="K167" s="14">
        <v>2112128</v>
      </c>
      <c r="L167" s="14">
        <v>1979995</v>
      </c>
      <c r="M167" s="14">
        <v>57213</v>
      </c>
      <c r="N167" s="14">
        <v>48429</v>
      </c>
      <c r="O167" s="14">
        <v>24097</v>
      </c>
      <c r="P167" s="14">
        <v>2394</v>
      </c>
      <c r="Q167" s="14">
        <v>0</v>
      </c>
      <c r="R167" s="14">
        <v>694477</v>
      </c>
      <c r="S167" s="14">
        <v>20598</v>
      </c>
      <c r="T167" s="13" t="s">
        <v>53</v>
      </c>
    </row>
    <row r="168" spans="1:20" ht="12" customHeight="1" x14ac:dyDescent="0.15">
      <c r="A168" s="16" t="s">
        <v>51</v>
      </c>
      <c r="B168" s="15" t="s">
        <v>52</v>
      </c>
      <c r="C168" s="14">
        <v>47</v>
      </c>
      <c r="D168" s="14">
        <v>959</v>
      </c>
      <c r="E168" s="14">
        <v>602</v>
      </c>
      <c r="F168" s="14">
        <v>353</v>
      </c>
      <c r="G168" s="14">
        <v>3</v>
      </c>
      <c r="H168" s="14">
        <v>1</v>
      </c>
      <c r="I168" s="14">
        <v>366933</v>
      </c>
      <c r="J168" s="14">
        <v>831253</v>
      </c>
      <c r="K168" s="14">
        <v>1856750</v>
      </c>
      <c r="L168" s="14">
        <v>1684153</v>
      </c>
      <c r="M168" s="14">
        <v>60102</v>
      </c>
      <c r="N168" s="14">
        <v>62848</v>
      </c>
      <c r="O168" s="14">
        <v>24843</v>
      </c>
      <c r="P168" s="14">
        <v>24804</v>
      </c>
      <c r="Q168" s="14">
        <v>0</v>
      </c>
      <c r="R168" s="14">
        <v>697279</v>
      </c>
      <c r="S168" s="14">
        <v>46330</v>
      </c>
      <c r="T168" s="13" t="s">
        <v>51</v>
      </c>
    </row>
    <row r="169" spans="1:20" ht="12" customHeight="1" x14ac:dyDescent="0.15">
      <c r="A169" s="16" t="s">
        <v>49</v>
      </c>
      <c r="B169" s="15" t="s">
        <v>50</v>
      </c>
      <c r="C169" s="14">
        <v>51</v>
      </c>
      <c r="D169" s="14">
        <v>890</v>
      </c>
      <c r="E169" s="14">
        <v>512</v>
      </c>
      <c r="F169" s="14">
        <v>364</v>
      </c>
      <c r="G169" s="14">
        <v>9</v>
      </c>
      <c r="H169" s="14">
        <v>5</v>
      </c>
      <c r="I169" s="14">
        <v>306382</v>
      </c>
      <c r="J169" s="14">
        <v>1062400</v>
      </c>
      <c r="K169" s="14">
        <v>1651425</v>
      </c>
      <c r="L169" s="14">
        <v>1563567</v>
      </c>
      <c r="M169" s="14">
        <v>45673</v>
      </c>
      <c r="N169" s="14">
        <v>0</v>
      </c>
      <c r="O169" s="14">
        <v>40278</v>
      </c>
      <c r="P169" s="14">
        <v>1907</v>
      </c>
      <c r="Q169" s="14">
        <v>0</v>
      </c>
      <c r="R169" s="14">
        <v>204691</v>
      </c>
      <c r="S169" s="14">
        <v>7253</v>
      </c>
      <c r="T169" s="13" t="s">
        <v>49</v>
      </c>
    </row>
    <row r="170" spans="1:20" ht="12" customHeight="1" x14ac:dyDescent="0.15">
      <c r="A170" s="16" t="s">
        <v>47</v>
      </c>
      <c r="B170" s="15" t="s">
        <v>48</v>
      </c>
      <c r="C170" s="14">
        <v>4</v>
      </c>
      <c r="D170" s="14">
        <v>138</v>
      </c>
      <c r="E170" s="14">
        <v>63</v>
      </c>
      <c r="F170" s="14">
        <v>75</v>
      </c>
      <c r="G170" s="14">
        <v>0</v>
      </c>
      <c r="H170" s="14">
        <v>0</v>
      </c>
      <c r="I170" s="14">
        <v>37439</v>
      </c>
      <c r="J170" s="14">
        <v>58027</v>
      </c>
      <c r="K170" s="14">
        <v>121116</v>
      </c>
      <c r="L170" s="14">
        <v>105787</v>
      </c>
      <c r="M170" s="14">
        <v>15329</v>
      </c>
      <c r="N170" s="14">
        <v>0</v>
      </c>
      <c r="O170" s="14">
        <v>0</v>
      </c>
      <c r="P170" s="14">
        <v>0</v>
      </c>
      <c r="Q170" s="14">
        <v>0</v>
      </c>
      <c r="R170" s="14" t="s">
        <v>5</v>
      </c>
      <c r="S170" s="14" t="s">
        <v>5</v>
      </c>
      <c r="T170" s="13" t="s">
        <v>47</v>
      </c>
    </row>
    <row r="171" spans="1:20" ht="12" customHeight="1" x14ac:dyDescent="0.15">
      <c r="A171" s="16" t="s">
        <v>45</v>
      </c>
      <c r="B171" s="15" t="s">
        <v>46</v>
      </c>
      <c r="C171" s="14">
        <v>15</v>
      </c>
      <c r="D171" s="14">
        <v>300</v>
      </c>
      <c r="E171" s="14">
        <v>229</v>
      </c>
      <c r="F171" s="14">
        <v>71</v>
      </c>
      <c r="G171" s="14">
        <v>0</v>
      </c>
      <c r="H171" s="14">
        <v>0</v>
      </c>
      <c r="I171" s="14">
        <v>132160</v>
      </c>
      <c r="J171" s="14">
        <v>669267</v>
      </c>
      <c r="K171" s="14">
        <v>820654</v>
      </c>
      <c r="L171" s="14">
        <v>772094</v>
      </c>
      <c r="M171" s="14">
        <v>7985</v>
      </c>
      <c r="N171" s="14">
        <v>4383</v>
      </c>
      <c r="O171" s="14">
        <v>36192</v>
      </c>
      <c r="P171" s="14">
        <v>0</v>
      </c>
      <c r="Q171" s="14">
        <v>0</v>
      </c>
      <c r="R171" s="14">
        <v>44394</v>
      </c>
      <c r="S171" s="14" t="s">
        <v>5</v>
      </c>
      <c r="T171" s="13" t="s">
        <v>45</v>
      </c>
    </row>
    <row r="172" spans="1:20" ht="12" customHeight="1" x14ac:dyDescent="0.15">
      <c r="A172" s="16" t="s">
        <v>43</v>
      </c>
      <c r="B172" s="15" t="s">
        <v>44</v>
      </c>
      <c r="C172" s="14">
        <v>25</v>
      </c>
      <c r="D172" s="14">
        <v>855</v>
      </c>
      <c r="E172" s="14">
        <v>631</v>
      </c>
      <c r="F172" s="14">
        <v>222</v>
      </c>
      <c r="G172" s="14">
        <v>1</v>
      </c>
      <c r="H172" s="14">
        <v>1</v>
      </c>
      <c r="I172" s="14">
        <v>366547</v>
      </c>
      <c r="J172" s="14">
        <v>625066</v>
      </c>
      <c r="K172" s="14">
        <v>1244908</v>
      </c>
      <c r="L172" s="14">
        <v>1156342</v>
      </c>
      <c r="M172" s="14">
        <v>7993</v>
      </c>
      <c r="N172" s="14">
        <v>29760</v>
      </c>
      <c r="O172" s="14">
        <v>50813</v>
      </c>
      <c r="P172" s="14">
        <v>0</v>
      </c>
      <c r="Q172" s="14">
        <v>0</v>
      </c>
      <c r="R172" s="14">
        <v>435561</v>
      </c>
      <c r="S172" s="14">
        <v>20529</v>
      </c>
      <c r="T172" s="13" t="s">
        <v>43</v>
      </c>
    </row>
    <row r="173" spans="1:20" ht="12" customHeight="1" x14ac:dyDescent="0.15">
      <c r="A173" s="16" t="s">
        <v>41</v>
      </c>
      <c r="B173" s="15" t="s">
        <v>42</v>
      </c>
      <c r="C173" s="14">
        <v>8</v>
      </c>
      <c r="D173" s="14">
        <v>100</v>
      </c>
      <c r="E173" s="14">
        <v>59</v>
      </c>
      <c r="F173" s="14">
        <v>40</v>
      </c>
      <c r="G173" s="14">
        <v>1</v>
      </c>
      <c r="H173" s="14">
        <v>0</v>
      </c>
      <c r="I173" s="14">
        <v>24199</v>
      </c>
      <c r="J173" s="14">
        <v>56501</v>
      </c>
      <c r="K173" s="14">
        <v>106331</v>
      </c>
      <c r="L173" s="14">
        <v>102029</v>
      </c>
      <c r="M173" s="14">
        <v>4213</v>
      </c>
      <c r="N173" s="14">
        <v>89</v>
      </c>
      <c r="O173" s="14">
        <v>0</v>
      </c>
      <c r="P173" s="14">
        <v>0</v>
      </c>
      <c r="Q173" s="14">
        <v>0</v>
      </c>
      <c r="R173" s="14" t="s">
        <v>5</v>
      </c>
      <c r="S173" s="14">
        <v>0</v>
      </c>
      <c r="T173" s="13" t="s">
        <v>41</v>
      </c>
    </row>
    <row r="174" spans="1:20" ht="9.75" customHeight="1" x14ac:dyDescent="0.15">
      <c r="A174" s="16"/>
      <c r="B174" s="15"/>
      <c r="C174" s="14"/>
      <c r="D174" s="14"/>
      <c r="E174" s="14"/>
      <c r="F174" s="14"/>
      <c r="G174" s="14"/>
      <c r="H174" s="14"/>
      <c r="I174" s="14"/>
      <c r="J174" s="14"/>
      <c r="K174" s="14"/>
      <c r="L174" s="14"/>
      <c r="M174" s="14"/>
      <c r="N174" s="14"/>
      <c r="O174" s="14"/>
      <c r="P174" s="14"/>
      <c r="Q174" s="14"/>
      <c r="R174" s="14"/>
      <c r="S174" s="14"/>
      <c r="T174" s="13"/>
    </row>
    <row r="175" spans="1:20" s="18" customFormat="1" ht="12" customHeight="1" x14ac:dyDescent="0.15">
      <c r="A175" s="22" t="s">
        <v>39</v>
      </c>
      <c r="B175" s="21" t="s">
        <v>40</v>
      </c>
      <c r="C175" s="20">
        <v>20</v>
      </c>
      <c r="D175" s="20">
        <v>1720</v>
      </c>
      <c r="E175" s="20">
        <v>1104</v>
      </c>
      <c r="F175" s="20">
        <v>616</v>
      </c>
      <c r="G175" s="20">
        <v>0</v>
      </c>
      <c r="H175" s="20">
        <v>0</v>
      </c>
      <c r="I175" s="20">
        <v>769122</v>
      </c>
      <c r="J175" s="20">
        <v>1736359</v>
      </c>
      <c r="K175" s="20">
        <v>3391089</v>
      </c>
      <c r="L175" s="20">
        <v>3083504</v>
      </c>
      <c r="M175" s="20">
        <v>74883</v>
      </c>
      <c r="N175" s="20">
        <v>4486</v>
      </c>
      <c r="O175" s="20">
        <v>197848</v>
      </c>
      <c r="P175" s="20">
        <v>30368</v>
      </c>
      <c r="Q175" s="20">
        <v>0</v>
      </c>
      <c r="R175" s="20">
        <v>1358109</v>
      </c>
      <c r="S175" s="20">
        <v>31919</v>
      </c>
      <c r="T175" s="19" t="s">
        <v>39</v>
      </c>
    </row>
    <row r="176" spans="1:20" ht="12" customHeight="1" x14ac:dyDescent="0.15">
      <c r="A176" s="16" t="s">
        <v>37</v>
      </c>
      <c r="B176" s="15" t="s">
        <v>38</v>
      </c>
      <c r="C176" s="14">
        <v>8</v>
      </c>
      <c r="D176" s="14">
        <v>1246</v>
      </c>
      <c r="E176" s="14">
        <v>781</v>
      </c>
      <c r="F176" s="14">
        <v>465</v>
      </c>
      <c r="G176" s="14">
        <v>0</v>
      </c>
      <c r="H176" s="14">
        <v>0</v>
      </c>
      <c r="I176" s="14">
        <v>574339</v>
      </c>
      <c r="J176" s="14">
        <v>1305825</v>
      </c>
      <c r="K176" s="14">
        <v>2721516</v>
      </c>
      <c r="L176" s="14">
        <v>2673803</v>
      </c>
      <c r="M176" s="14">
        <v>18732</v>
      </c>
      <c r="N176" s="14">
        <v>2268</v>
      </c>
      <c r="O176" s="14">
        <v>0</v>
      </c>
      <c r="P176" s="14">
        <v>26713</v>
      </c>
      <c r="Q176" s="14">
        <v>0</v>
      </c>
      <c r="R176" s="14">
        <v>1191219</v>
      </c>
      <c r="S176" s="14">
        <v>31027</v>
      </c>
      <c r="T176" s="13" t="s">
        <v>37</v>
      </c>
    </row>
    <row r="177" spans="1:20" ht="12" customHeight="1" x14ac:dyDescent="0.15">
      <c r="A177" s="16" t="s">
        <v>35</v>
      </c>
      <c r="B177" s="15" t="s">
        <v>36</v>
      </c>
      <c r="C177" s="14">
        <v>6</v>
      </c>
      <c r="D177" s="14">
        <v>87</v>
      </c>
      <c r="E177" s="14">
        <v>57</v>
      </c>
      <c r="F177" s="14">
        <v>30</v>
      </c>
      <c r="G177" s="14">
        <v>0</v>
      </c>
      <c r="H177" s="14">
        <v>0</v>
      </c>
      <c r="I177" s="14">
        <v>36402</v>
      </c>
      <c r="J177" s="14">
        <v>28168</v>
      </c>
      <c r="K177" s="14">
        <v>68858</v>
      </c>
      <c r="L177" s="14">
        <v>51943</v>
      </c>
      <c r="M177" s="14">
        <v>10575</v>
      </c>
      <c r="N177" s="14">
        <v>0</v>
      </c>
      <c r="O177" s="14">
        <v>3203</v>
      </c>
      <c r="P177" s="14">
        <v>3137</v>
      </c>
      <c r="Q177" s="14">
        <v>0</v>
      </c>
      <c r="R177" s="14">
        <v>0</v>
      </c>
      <c r="S177" s="14">
        <v>0</v>
      </c>
      <c r="T177" s="13" t="s">
        <v>35</v>
      </c>
    </row>
    <row r="178" spans="1:20" ht="12" customHeight="1" x14ac:dyDescent="0.15">
      <c r="A178" s="16" t="s">
        <v>33</v>
      </c>
      <c r="B178" s="15" t="s">
        <v>34</v>
      </c>
      <c r="C178" s="14">
        <v>6</v>
      </c>
      <c r="D178" s="14">
        <v>387</v>
      </c>
      <c r="E178" s="14">
        <v>266</v>
      </c>
      <c r="F178" s="14">
        <v>121</v>
      </c>
      <c r="G178" s="14">
        <v>0</v>
      </c>
      <c r="H178" s="14">
        <v>0</v>
      </c>
      <c r="I178" s="14">
        <v>158381</v>
      </c>
      <c r="J178" s="14">
        <v>402366</v>
      </c>
      <c r="K178" s="14">
        <v>600715</v>
      </c>
      <c r="L178" s="14">
        <v>357758</v>
      </c>
      <c r="M178" s="14">
        <v>45576</v>
      </c>
      <c r="N178" s="14">
        <v>2218</v>
      </c>
      <c r="O178" s="14">
        <v>194645</v>
      </c>
      <c r="P178" s="14">
        <v>518</v>
      </c>
      <c r="Q178" s="14">
        <v>0</v>
      </c>
      <c r="R178" s="14">
        <v>166890</v>
      </c>
      <c r="S178" s="14">
        <v>892</v>
      </c>
      <c r="T178" s="13" t="s">
        <v>33</v>
      </c>
    </row>
    <row r="179" spans="1:20" ht="9.75" customHeight="1" x14ac:dyDescent="0.15">
      <c r="A179" s="16"/>
      <c r="B179" s="15"/>
      <c r="C179" s="14"/>
      <c r="D179" s="14"/>
      <c r="E179" s="14"/>
      <c r="F179" s="14"/>
      <c r="G179" s="14"/>
      <c r="H179" s="14"/>
      <c r="I179" s="14"/>
      <c r="J179" s="14"/>
      <c r="K179" s="14"/>
      <c r="L179" s="14"/>
      <c r="M179" s="14"/>
      <c r="N179" s="14"/>
      <c r="O179" s="14"/>
      <c r="P179" s="14"/>
      <c r="Q179" s="14"/>
      <c r="R179" s="14"/>
      <c r="S179" s="14"/>
      <c r="T179" s="13"/>
    </row>
    <row r="180" spans="1:20" s="18" customFormat="1" ht="12" customHeight="1" x14ac:dyDescent="0.15">
      <c r="A180" s="22" t="s">
        <v>31</v>
      </c>
      <c r="B180" s="21" t="s">
        <v>32</v>
      </c>
      <c r="C180" s="20">
        <v>153</v>
      </c>
      <c r="D180" s="20">
        <v>3490</v>
      </c>
      <c r="E180" s="20">
        <v>2887</v>
      </c>
      <c r="F180" s="20">
        <v>583</v>
      </c>
      <c r="G180" s="20">
        <v>13</v>
      </c>
      <c r="H180" s="20">
        <v>7</v>
      </c>
      <c r="I180" s="20">
        <v>1737814</v>
      </c>
      <c r="J180" s="20">
        <v>6055765</v>
      </c>
      <c r="K180" s="20">
        <v>12444326</v>
      </c>
      <c r="L180" s="20">
        <v>11571401</v>
      </c>
      <c r="M180" s="20">
        <v>666663</v>
      </c>
      <c r="N180" s="20">
        <v>43231</v>
      </c>
      <c r="O180" s="20">
        <v>160882</v>
      </c>
      <c r="P180" s="20">
        <v>2149</v>
      </c>
      <c r="Q180" s="20">
        <v>0</v>
      </c>
      <c r="R180" s="20">
        <v>5035452</v>
      </c>
      <c r="S180" s="20">
        <v>262679</v>
      </c>
      <c r="T180" s="19" t="s">
        <v>31</v>
      </c>
    </row>
    <row r="181" spans="1:20" ht="12" customHeight="1" x14ac:dyDescent="0.15">
      <c r="A181" s="16" t="s">
        <v>29</v>
      </c>
      <c r="B181" s="15" t="s">
        <v>30</v>
      </c>
      <c r="C181" s="14">
        <v>66</v>
      </c>
      <c r="D181" s="14">
        <v>950</v>
      </c>
      <c r="E181" s="14">
        <v>651</v>
      </c>
      <c r="F181" s="14">
        <v>289</v>
      </c>
      <c r="G181" s="14">
        <v>7</v>
      </c>
      <c r="H181" s="14">
        <v>3</v>
      </c>
      <c r="I181" s="14">
        <v>330129</v>
      </c>
      <c r="J181" s="14">
        <v>787881</v>
      </c>
      <c r="K181" s="14">
        <v>1433812</v>
      </c>
      <c r="L181" s="14">
        <v>1196652</v>
      </c>
      <c r="M181" s="14">
        <v>78536</v>
      </c>
      <c r="N181" s="14">
        <v>25567</v>
      </c>
      <c r="O181" s="14">
        <v>132308</v>
      </c>
      <c r="P181" s="14">
        <v>749</v>
      </c>
      <c r="Q181" s="14">
        <v>0</v>
      </c>
      <c r="R181" s="14">
        <v>203600</v>
      </c>
      <c r="S181" s="14">
        <v>3598</v>
      </c>
      <c r="T181" s="13" t="s">
        <v>29</v>
      </c>
    </row>
    <row r="182" spans="1:20" ht="12" customHeight="1" x14ac:dyDescent="0.15">
      <c r="A182" s="16" t="s">
        <v>27</v>
      </c>
      <c r="B182" s="15" t="s">
        <v>28</v>
      </c>
      <c r="C182" s="14">
        <v>35</v>
      </c>
      <c r="D182" s="14">
        <v>1811</v>
      </c>
      <c r="E182" s="14">
        <v>1647</v>
      </c>
      <c r="F182" s="14">
        <v>157</v>
      </c>
      <c r="G182" s="14">
        <v>4</v>
      </c>
      <c r="H182" s="14">
        <v>3</v>
      </c>
      <c r="I182" s="14">
        <v>1084568</v>
      </c>
      <c r="J182" s="14">
        <v>4696134</v>
      </c>
      <c r="K182" s="14">
        <v>9732201</v>
      </c>
      <c r="L182" s="14">
        <v>9356243</v>
      </c>
      <c r="M182" s="14">
        <v>337090</v>
      </c>
      <c r="N182" s="14">
        <v>17335</v>
      </c>
      <c r="O182" s="14">
        <v>21533</v>
      </c>
      <c r="P182" s="14">
        <v>0</v>
      </c>
      <c r="Q182" s="14">
        <v>0</v>
      </c>
      <c r="R182" s="14">
        <v>4540747</v>
      </c>
      <c r="S182" s="14">
        <v>225538</v>
      </c>
      <c r="T182" s="13" t="s">
        <v>27</v>
      </c>
    </row>
    <row r="183" spans="1:20" ht="12" customHeight="1" x14ac:dyDescent="0.15">
      <c r="A183" s="16" t="s">
        <v>25</v>
      </c>
      <c r="B183" s="15" t="s">
        <v>26</v>
      </c>
      <c r="C183" s="14">
        <v>30</v>
      </c>
      <c r="D183" s="14">
        <v>376</v>
      </c>
      <c r="E183" s="14">
        <v>322</v>
      </c>
      <c r="F183" s="14">
        <v>51</v>
      </c>
      <c r="G183" s="14">
        <v>2</v>
      </c>
      <c r="H183" s="14">
        <v>1</v>
      </c>
      <c r="I183" s="14">
        <v>183097</v>
      </c>
      <c r="J183" s="14">
        <v>266695</v>
      </c>
      <c r="K183" s="14">
        <v>703933</v>
      </c>
      <c r="L183" s="14">
        <v>528165</v>
      </c>
      <c r="M183" s="14">
        <v>173939</v>
      </c>
      <c r="N183" s="14">
        <v>329</v>
      </c>
      <c r="O183" s="14">
        <v>100</v>
      </c>
      <c r="P183" s="14">
        <v>1400</v>
      </c>
      <c r="Q183" s="14">
        <v>0</v>
      </c>
      <c r="R183" s="14" t="s">
        <v>5</v>
      </c>
      <c r="S183" s="14" t="s">
        <v>5</v>
      </c>
      <c r="T183" s="13" t="s">
        <v>25</v>
      </c>
    </row>
    <row r="184" spans="1:20" ht="12" customHeight="1" x14ac:dyDescent="0.15">
      <c r="A184" s="16" t="s">
        <v>23</v>
      </c>
      <c r="B184" s="15" t="s">
        <v>24</v>
      </c>
      <c r="C184" s="14">
        <v>1</v>
      </c>
      <c r="D184" s="14">
        <v>23</v>
      </c>
      <c r="E184" s="14">
        <v>16</v>
      </c>
      <c r="F184" s="14">
        <v>7</v>
      </c>
      <c r="G184" s="14">
        <v>0</v>
      </c>
      <c r="H184" s="14">
        <v>0</v>
      </c>
      <c r="I184" s="14" t="s">
        <v>5</v>
      </c>
      <c r="J184" s="14" t="s">
        <v>5</v>
      </c>
      <c r="K184" s="14" t="s">
        <v>5</v>
      </c>
      <c r="L184" s="14" t="s">
        <v>5</v>
      </c>
      <c r="M184" s="14" t="s">
        <v>5</v>
      </c>
      <c r="N184" s="14">
        <v>0</v>
      </c>
      <c r="O184" s="14">
        <v>0</v>
      </c>
      <c r="P184" s="14">
        <v>0</v>
      </c>
      <c r="Q184" s="14">
        <v>0</v>
      </c>
      <c r="R184" s="14">
        <v>0</v>
      </c>
      <c r="S184" s="14">
        <v>0</v>
      </c>
      <c r="T184" s="13" t="s">
        <v>23</v>
      </c>
    </row>
    <row r="185" spans="1:20" ht="12" customHeight="1" x14ac:dyDescent="0.15">
      <c r="A185" s="16" t="s">
        <v>21</v>
      </c>
      <c r="B185" s="15" t="s">
        <v>22</v>
      </c>
      <c r="C185" s="14">
        <v>7</v>
      </c>
      <c r="D185" s="14">
        <v>117</v>
      </c>
      <c r="E185" s="14">
        <v>95</v>
      </c>
      <c r="F185" s="14">
        <v>22</v>
      </c>
      <c r="G185" s="14">
        <v>0</v>
      </c>
      <c r="H185" s="14">
        <v>0</v>
      </c>
      <c r="I185" s="14" t="s">
        <v>5</v>
      </c>
      <c r="J185" s="14" t="s">
        <v>5</v>
      </c>
      <c r="K185" s="14" t="s">
        <v>5</v>
      </c>
      <c r="L185" s="14" t="s">
        <v>5</v>
      </c>
      <c r="M185" s="14">
        <v>0</v>
      </c>
      <c r="N185" s="14">
        <v>0</v>
      </c>
      <c r="O185" s="14">
        <v>530</v>
      </c>
      <c r="P185" s="14">
        <v>0</v>
      </c>
      <c r="Q185" s="14">
        <v>0</v>
      </c>
      <c r="R185" s="14" t="s">
        <v>5</v>
      </c>
      <c r="S185" s="14" t="s">
        <v>5</v>
      </c>
      <c r="T185" s="13" t="s">
        <v>21</v>
      </c>
    </row>
    <row r="186" spans="1:20" ht="12" customHeight="1" x14ac:dyDescent="0.15">
      <c r="A186" s="16" t="s">
        <v>19</v>
      </c>
      <c r="B186" s="15" t="s">
        <v>20</v>
      </c>
      <c r="C186" s="14">
        <v>14</v>
      </c>
      <c r="D186" s="14">
        <v>213</v>
      </c>
      <c r="E186" s="14">
        <v>156</v>
      </c>
      <c r="F186" s="14">
        <v>57</v>
      </c>
      <c r="G186" s="14">
        <v>0</v>
      </c>
      <c r="H186" s="14">
        <v>0</v>
      </c>
      <c r="I186" s="14">
        <v>88349</v>
      </c>
      <c r="J186" s="14">
        <v>197021</v>
      </c>
      <c r="K186" s="14">
        <v>355640</v>
      </c>
      <c r="L186" s="14" t="s">
        <v>5</v>
      </c>
      <c r="M186" s="14" t="s">
        <v>5</v>
      </c>
      <c r="N186" s="14">
        <v>0</v>
      </c>
      <c r="O186" s="14">
        <v>6411</v>
      </c>
      <c r="P186" s="14">
        <v>0</v>
      </c>
      <c r="Q186" s="14">
        <v>0</v>
      </c>
      <c r="R186" s="14" t="s">
        <v>5</v>
      </c>
      <c r="S186" s="14" t="s">
        <v>5</v>
      </c>
      <c r="T186" s="13" t="s">
        <v>19</v>
      </c>
    </row>
    <row r="187" spans="1:20" ht="9.75" customHeight="1" x14ac:dyDescent="0.15">
      <c r="A187" s="16"/>
      <c r="B187" s="15"/>
      <c r="C187" s="14"/>
      <c r="D187" s="14"/>
      <c r="E187" s="14"/>
      <c r="F187" s="14"/>
      <c r="G187" s="14"/>
      <c r="H187" s="14"/>
      <c r="I187" s="14"/>
      <c r="J187" s="14"/>
      <c r="K187" s="14"/>
      <c r="L187" s="14"/>
      <c r="M187" s="14"/>
      <c r="N187" s="14"/>
      <c r="O187" s="14"/>
      <c r="P187" s="14"/>
      <c r="Q187" s="14"/>
      <c r="R187" s="14"/>
      <c r="S187" s="14"/>
      <c r="T187" s="13"/>
    </row>
    <row r="188" spans="1:20" s="18" customFormat="1" ht="12" customHeight="1" x14ac:dyDescent="0.15">
      <c r="A188" s="22" t="s">
        <v>17</v>
      </c>
      <c r="B188" s="21" t="s">
        <v>18</v>
      </c>
      <c r="C188" s="20">
        <v>285</v>
      </c>
      <c r="D188" s="20">
        <v>3740</v>
      </c>
      <c r="E188" s="20">
        <v>2170</v>
      </c>
      <c r="F188" s="20">
        <v>1508</v>
      </c>
      <c r="G188" s="20">
        <v>48</v>
      </c>
      <c r="H188" s="20">
        <v>14</v>
      </c>
      <c r="I188" s="20">
        <v>1293766</v>
      </c>
      <c r="J188" s="20">
        <v>3040461</v>
      </c>
      <c r="K188" s="20">
        <v>5803936</v>
      </c>
      <c r="L188" s="20">
        <v>5395385</v>
      </c>
      <c r="M188" s="20">
        <v>144730</v>
      </c>
      <c r="N188" s="20">
        <v>4035</v>
      </c>
      <c r="O188" s="20">
        <v>224690</v>
      </c>
      <c r="P188" s="20">
        <v>35096</v>
      </c>
      <c r="Q188" s="20">
        <v>0</v>
      </c>
      <c r="R188" s="20">
        <v>1124155</v>
      </c>
      <c r="S188" s="20">
        <v>50049</v>
      </c>
      <c r="T188" s="19" t="s">
        <v>17</v>
      </c>
    </row>
    <row r="189" spans="1:20" ht="12" customHeight="1" x14ac:dyDescent="0.15">
      <c r="A189" s="16" t="s">
        <v>15</v>
      </c>
      <c r="B189" s="15" t="s">
        <v>16</v>
      </c>
      <c r="C189" s="14">
        <v>10</v>
      </c>
      <c r="D189" s="14">
        <v>185</v>
      </c>
      <c r="E189" s="14">
        <v>92</v>
      </c>
      <c r="F189" s="14">
        <v>91</v>
      </c>
      <c r="G189" s="14">
        <v>2</v>
      </c>
      <c r="H189" s="14">
        <v>0</v>
      </c>
      <c r="I189" s="14">
        <v>59914</v>
      </c>
      <c r="J189" s="14">
        <v>66803</v>
      </c>
      <c r="K189" s="14">
        <v>207850</v>
      </c>
      <c r="L189" s="14">
        <v>175858</v>
      </c>
      <c r="M189" s="14">
        <v>29017</v>
      </c>
      <c r="N189" s="14">
        <v>0</v>
      </c>
      <c r="O189" s="14">
        <v>0</v>
      </c>
      <c r="P189" s="14">
        <v>2975</v>
      </c>
      <c r="Q189" s="14">
        <v>0</v>
      </c>
      <c r="R189" s="14" t="s">
        <v>5</v>
      </c>
      <c r="S189" s="14">
        <v>0</v>
      </c>
      <c r="T189" s="13" t="s">
        <v>15</v>
      </c>
    </row>
    <row r="190" spans="1:20" ht="12" customHeight="1" x14ac:dyDescent="0.15">
      <c r="A190" s="16" t="s">
        <v>13</v>
      </c>
      <c r="B190" s="17" t="s">
        <v>14</v>
      </c>
      <c r="C190" s="14">
        <v>43</v>
      </c>
      <c r="D190" s="14">
        <v>409</v>
      </c>
      <c r="E190" s="14">
        <v>215</v>
      </c>
      <c r="F190" s="14">
        <v>179</v>
      </c>
      <c r="G190" s="14">
        <v>11</v>
      </c>
      <c r="H190" s="14">
        <v>4</v>
      </c>
      <c r="I190" s="14">
        <v>119937</v>
      </c>
      <c r="J190" s="14">
        <v>286348</v>
      </c>
      <c r="K190" s="14">
        <v>506531</v>
      </c>
      <c r="L190" s="14">
        <v>470847</v>
      </c>
      <c r="M190" s="14">
        <v>28937</v>
      </c>
      <c r="N190" s="14">
        <v>0</v>
      </c>
      <c r="O190" s="14">
        <v>6747</v>
      </c>
      <c r="P190" s="14">
        <v>0</v>
      </c>
      <c r="Q190" s="14">
        <v>0</v>
      </c>
      <c r="R190" s="14" t="s">
        <v>5</v>
      </c>
      <c r="S190" s="14" t="s">
        <v>5</v>
      </c>
      <c r="T190" s="13" t="s">
        <v>13</v>
      </c>
    </row>
    <row r="191" spans="1:20" ht="12" customHeight="1" x14ac:dyDescent="0.15">
      <c r="A191" s="16" t="s">
        <v>11</v>
      </c>
      <c r="B191" s="15" t="s">
        <v>12</v>
      </c>
      <c r="C191" s="14">
        <v>7</v>
      </c>
      <c r="D191" s="14">
        <v>86</v>
      </c>
      <c r="E191" s="14">
        <v>64</v>
      </c>
      <c r="F191" s="14">
        <v>20</v>
      </c>
      <c r="G191" s="14">
        <v>1</v>
      </c>
      <c r="H191" s="14">
        <v>1</v>
      </c>
      <c r="I191" s="14" t="s">
        <v>5</v>
      </c>
      <c r="J191" s="14" t="s">
        <v>5</v>
      </c>
      <c r="K191" s="14" t="s">
        <v>5</v>
      </c>
      <c r="L191" s="14" t="s">
        <v>5</v>
      </c>
      <c r="M191" s="14">
        <v>339</v>
      </c>
      <c r="N191" s="14">
        <v>805</v>
      </c>
      <c r="O191" s="14">
        <v>0</v>
      </c>
      <c r="P191" s="14">
        <v>60</v>
      </c>
      <c r="Q191" s="14">
        <v>0</v>
      </c>
      <c r="R191" s="14" t="s">
        <v>5</v>
      </c>
      <c r="S191" s="14" t="s">
        <v>5</v>
      </c>
      <c r="T191" s="13" t="s">
        <v>11</v>
      </c>
    </row>
    <row r="192" spans="1:20" ht="12" customHeight="1" x14ac:dyDescent="0.15">
      <c r="A192" s="16" t="s">
        <v>9</v>
      </c>
      <c r="B192" s="15" t="s">
        <v>10</v>
      </c>
      <c r="C192" s="14">
        <v>25</v>
      </c>
      <c r="D192" s="14">
        <v>391</v>
      </c>
      <c r="E192" s="14">
        <v>225</v>
      </c>
      <c r="F192" s="14">
        <v>159</v>
      </c>
      <c r="G192" s="14">
        <v>4</v>
      </c>
      <c r="H192" s="14">
        <v>3</v>
      </c>
      <c r="I192" s="14">
        <v>134383</v>
      </c>
      <c r="J192" s="14">
        <v>418176</v>
      </c>
      <c r="K192" s="14">
        <v>801366</v>
      </c>
      <c r="L192" s="14">
        <v>672139</v>
      </c>
      <c r="M192" s="14">
        <v>6279</v>
      </c>
      <c r="N192" s="14">
        <v>130</v>
      </c>
      <c r="O192" s="14">
        <v>119675</v>
      </c>
      <c r="P192" s="14">
        <v>3143</v>
      </c>
      <c r="Q192" s="14">
        <v>0</v>
      </c>
      <c r="R192" s="14" t="s">
        <v>5</v>
      </c>
      <c r="S192" s="14" t="s">
        <v>5</v>
      </c>
      <c r="T192" s="13" t="s">
        <v>9</v>
      </c>
    </row>
    <row r="193" spans="1:20" ht="12" customHeight="1" x14ac:dyDescent="0.15">
      <c r="A193" s="16" t="s">
        <v>7</v>
      </c>
      <c r="B193" s="15" t="s">
        <v>8</v>
      </c>
      <c r="C193" s="14">
        <v>29</v>
      </c>
      <c r="D193" s="14">
        <v>390</v>
      </c>
      <c r="E193" s="14">
        <v>188</v>
      </c>
      <c r="F193" s="14">
        <v>200</v>
      </c>
      <c r="G193" s="14">
        <v>2</v>
      </c>
      <c r="H193" s="14">
        <v>0</v>
      </c>
      <c r="I193" s="14">
        <v>113931</v>
      </c>
      <c r="J193" s="14">
        <v>268718</v>
      </c>
      <c r="K193" s="14">
        <v>503698</v>
      </c>
      <c r="L193" s="14">
        <v>476317</v>
      </c>
      <c r="M193" s="14">
        <v>6735</v>
      </c>
      <c r="N193" s="14">
        <v>0</v>
      </c>
      <c r="O193" s="14">
        <v>19564</v>
      </c>
      <c r="P193" s="14">
        <v>1082</v>
      </c>
      <c r="Q193" s="14">
        <v>0</v>
      </c>
      <c r="R193" s="14">
        <v>114582</v>
      </c>
      <c r="S193" s="14">
        <v>1658</v>
      </c>
      <c r="T193" s="13" t="s">
        <v>7</v>
      </c>
    </row>
    <row r="194" spans="1:20" ht="12" customHeight="1" x14ac:dyDescent="0.15">
      <c r="A194" s="16" t="s">
        <v>4</v>
      </c>
      <c r="B194" s="15" t="s">
        <v>6</v>
      </c>
      <c r="C194" s="14">
        <v>1</v>
      </c>
      <c r="D194" s="14">
        <v>9</v>
      </c>
      <c r="E194" s="14">
        <v>7</v>
      </c>
      <c r="F194" s="14">
        <v>2</v>
      </c>
      <c r="G194" s="14">
        <v>0</v>
      </c>
      <c r="H194" s="14">
        <v>0</v>
      </c>
      <c r="I194" s="14" t="s">
        <v>5</v>
      </c>
      <c r="J194" s="14" t="s">
        <v>5</v>
      </c>
      <c r="K194" s="14" t="s">
        <v>5</v>
      </c>
      <c r="L194" s="14" t="s">
        <v>5</v>
      </c>
      <c r="M194" s="14">
        <v>0</v>
      </c>
      <c r="N194" s="14">
        <v>0</v>
      </c>
      <c r="O194" s="14">
        <v>0</v>
      </c>
      <c r="P194" s="14">
        <v>0</v>
      </c>
      <c r="Q194" s="14">
        <v>0</v>
      </c>
      <c r="R194" s="14">
        <v>0</v>
      </c>
      <c r="S194" s="14">
        <v>0</v>
      </c>
      <c r="T194" s="13" t="s">
        <v>4</v>
      </c>
    </row>
    <row r="195" spans="1:20" ht="12" customHeight="1" x14ac:dyDescent="0.15">
      <c r="A195" s="16" t="s">
        <v>2</v>
      </c>
      <c r="B195" s="15" t="s">
        <v>3</v>
      </c>
      <c r="C195" s="14">
        <v>30</v>
      </c>
      <c r="D195" s="14">
        <v>453</v>
      </c>
      <c r="E195" s="14">
        <v>204</v>
      </c>
      <c r="F195" s="14">
        <v>242</v>
      </c>
      <c r="G195" s="14">
        <v>6</v>
      </c>
      <c r="H195" s="14">
        <v>1</v>
      </c>
      <c r="I195" s="14">
        <v>146181</v>
      </c>
      <c r="J195" s="14">
        <v>622146</v>
      </c>
      <c r="K195" s="14">
        <v>1014628</v>
      </c>
      <c r="L195" s="14">
        <v>952493</v>
      </c>
      <c r="M195" s="14">
        <v>19256</v>
      </c>
      <c r="N195" s="14">
        <v>216</v>
      </c>
      <c r="O195" s="14">
        <v>31489</v>
      </c>
      <c r="P195" s="14">
        <v>11174</v>
      </c>
      <c r="Q195" s="14">
        <v>0</v>
      </c>
      <c r="R195" s="14">
        <v>142181</v>
      </c>
      <c r="S195" s="14">
        <v>30367</v>
      </c>
      <c r="T195" s="13" t="s">
        <v>2</v>
      </c>
    </row>
    <row r="196" spans="1:20" ht="12" customHeight="1" x14ac:dyDescent="0.15">
      <c r="A196" s="12" t="s">
        <v>0</v>
      </c>
      <c r="B196" s="11" t="s">
        <v>1</v>
      </c>
      <c r="C196" s="10">
        <v>140</v>
      </c>
      <c r="D196" s="10">
        <v>1817</v>
      </c>
      <c r="E196" s="10">
        <v>1175</v>
      </c>
      <c r="F196" s="10">
        <v>615</v>
      </c>
      <c r="G196" s="10">
        <v>22</v>
      </c>
      <c r="H196" s="10">
        <v>5</v>
      </c>
      <c r="I196" s="10">
        <v>689763</v>
      </c>
      <c r="J196" s="10">
        <v>1337481</v>
      </c>
      <c r="K196" s="10">
        <v>2682632</v>
      </c>
      <c r="L196" s="10">
        <v>2561704</v>
      </c>
      <c r="M196" s="10">
        <v>54167</v>
      </c>
      <c r="N196" s="10">
        <v>2884</v>
      </c>
      <c r="O196" s="10">
        <v>47215</v>
      </c>
      <c r="P196" s="10">
        <v>16662</v>
      </c>
      <c r="Q196" s="10">
        <v>0</v>
      </c>
      <c r="R196" s="10">
        <v>618211</v>
      </c>
      <c r="S196" s="10">
        <v>11479</v>
      </c>
      <c r="T196" s="9" t="s">
        <v>0</v>
      </c>
    </row>
    <row r="197" spans="1:20" ht="12.75" customHeight="1" x14ac:dyDescent="0.15">
      <c r="C197" s="8"/>
      <c r="D197" s="8"/>
      <c r="E197" s="8"/>
      <c r="F197" s="8"/>
      <c r="G197" s="7"/>
      <c r="H197" s="7"/>
      <c r="I197" s="8"/>
      <c r="J197" s="8"/>
      <c r="K197" s="8"/>
      <c r="L197" s="8"/>
      <c r="M197" s="8"/>
      <c r="N197" s="7"/>
      <c r="O197" s="7"/>
      <c r="P197" s="7"/>
      <c r="Q197" s="7"/>
      <c r="R197" s="7"/>
      <c r="S197" s="7"/>
    </row>
    <row r="198" spans="1:20" ht="12.75" customHeight="1" x14ac:dyDescent="0.15">
      <c r="C198" s="8"/>
      <c r="D198" s="8"/>
      <c r="E198" s="8"/>
      <c r="F198" s="8"/>
      <c r="G198" s="7"/>
      <c r="H198" s="7"/>
      <c r="I198" s="8"/>
      <c r="J198" s="8"/>
      <c r="K198" s="8"/>
      <c r="L198" s="8"/>
      <c r="M198" s="8"/>
      <c r="N198" s="7"/>
      <c r="O198" s="7"/>
      <c r="P198" s="7"/>
      <c r="Q198" s="7"/>
      <c r="R198" s="7"/>
      <c r="S198" s="7"/>
    </row>
    <row r="199" spans="1:20" ht="12.75" customHeight="1" x14ac:dyDescent="0.15">
      <c r="C199" s="8"/>
      <c r="D199" s="8"/>
      <c r="E199" s="8"/>
      <c r="F199" s="8"/>
      <c r="G199" s="7"/>
      <c r="H199" s="7"/>
      <c r="I199" s="8"/>
      <c r="J199" s="8"/>
      <c r="K199" s="8"/>
      <c r="L199" s="8"/>
      <c r="M199" s="8"/>
      <c r="N199" s="7"/>
      <c r="O199" s="7"/>
      <c r="P199" s="7"/>
      <c r="Q199" s="7"/>
      <c r="R199" s="7"/>
      <c r="S199" s="7"/>
    </row>
    <row r="200" spans="1:20" ht="12.75" customHeight="1" x14ac:dyDescent="0.15">
      <c r="C200" s="8"/>
      <c r="D200" s="8"/>
      <c r="E200" s="8"/>
      <c r="F200" s="8"/>
      <c r="G200" s="7"/>
      <c r="H200" s="7"/>
      <c r="I200" s="8"/>
      <c r="J200" s="8"/>
      <c r="K200" s="8"/>
      <c r="L200" s="8"/>
      <c r="M200" s="8"/>
      <c r="N200" s="7"/>
      <c r="O200" s="7"/>
      <c r="P200" s="7"/>
      <c r="Q200" s="7"/>
      <c r="R200" s="7"/>
      <c r="S200" s="7"/>
    </row>
    <row r="201" spans="1:20" ht="12.75" customHeight="1" x14ac:dyDescent="0.15">
      <c r="C201" s="8"/>
      <c r="D201" s="8"/>
      <c r="E201" s="8"/>
      <c r="F201" s="8"/>
      <c r="G201" s="7"/>
      <c r="H201" s="7"/>
      <c r="I201" s="8"/>
      <c r="J201" s="8"/>
      <c r="K201" s="8"/>
      <c r="L201" s="8"/>
      <c r="M201" s="8"/>
      <c r="N201" s="7"/>
      <c r="O201" s="7"/>
      <c r="P201" s="7"/>
      <c r="Q201" s="7"/>
      <c r="R201" s="7"/>
      <c r="S201" s="7"/>
    </row>
    <row r="202" spans="1:20" ht="12.75" customHeight="1" x14ac:dyDescent="0.15">
      <c r="C202" s="8"/>
      <c r="D202" s="8"/>
      <c r="E202" s="8"/>
      <c r="F202" s="8"/>
      <c r="G202" s="7"/>
      <c r="H202" s="7"/>
      <c r="I202" s="8"/>
      <c r="J202" s="8"/>
      <c r="K202" s="8"/>
      <c r="L202" s="8"/>
      <c r="M202" s="8"/>
      <c r="N202" s="7"/>
      <c r="O202" s="7"/>
      <c r="P202" s="7"/>
      <c r="Q202" s="7"/>
      <c r="R202" s="7"/>
      <c r="S202" s="7"/>
    </row>
    <row r="203" spans="1:20" ht="12.75" customHeight="1" x14ac:dyDescent="0.15">
      <c r="C203" s="8"/>
      <c r="D203" s="8"/>
      <c r="E203" s="8"/>
      <c r="F203" s="8"/>
      <c r="G203" s="7"/>
      <c r="H203" s="7"/>
      <c r="I203" s="8"/>
      <c r="J203" s="8"/>
      <c r="K203" s="8"/>
      <c r="L203" s="8"/>
      <c r="M203" s="8"/>
      <c r="N203" s="7"/>
      <c r="O203" s="7"/>
      <c r="P203" s="7"/>
      <c r="Q203" s="7"/>
      <c r="R203" s="7"/>
      <c r="S203" s="7"/>
    </row>
    <row r="204" spans="1:20" ht="12.75" customHeight="1" x14ac:dyDescent="0.15">
      <c r="C204" s="8"/>
      <c r="D204" s="8"/>
      <c r="E204" s="8"/>
      <c r="F204" s="8"/>
      <c r="G204" s="7"/>
      <c r="H204" s="7"/>
      <c r="I204" s="8"/>
      <c r="J204" s="8"/>
      <c r="K204" s="8"/>
      <c r="L204" s="8"/>
      <c r="M204" s="8"/>
      <c r="N204" s="7"/>
      <c r="O204" s="7"/>
      <c r="P204" s="7"/>
      <c r="Q204" s="7"/>
      <c r="R204" s="7"/>
      <c r="S204" s="7"/>
    </row>
    <row r="205" spans="1:20" ht="12.75" customHeight="1" x14ac:dyDescent="0.15">
      <c r="C205" s="8"/>
      <c r="D205" s="8"/>
      <c r="E205" s="8"/>
      <c r="F205" s="8"/>
      <c r="G205" s="7"/>
      <c r="H205" s="7"/>
      <c r="I205" s="8"/>
      <c r="J205" s="8"/>
      <c r="K205" s="8"/>
      <c r="L205" s="8"/>
      <c r="M205" s="8"/>
      <c r="N205" s="7"/>
      <c r="O205" s="7"/>
      <c r="P205" s="7"/>
      <c r="Q205" s="7"/>
      <c r="R205" s="7"/>
      <c r="S205" s="7"/>
    </row>
    <row r="206" spans="1:20" ht="12.75" customHeight="1" x14ac:dyDescent="0.15">
      <c r="C206" s="8"/>
      <c r="D206" s="8"/>
      <c r="E206" s="8"/>
      <c r="F206" s="8"/>
      <c r="G206" s="7"/>
      <c r="H206" s="7"/>
      <c r="I206" s="8"/>
      <c r="J206" s="8"/>
      <c r="K206" s="8"/>
      <c r="L206" s="8"/>
      <c r="M206" s="8"/>
      <c r="N206" s="7"/>
      <c r="O206" s="7"/>
      <c r="P206" s="7"/>
      <c r="Q206" s="7"/>
      <c r="R206" s="7"/>
      <c r="S206" s="7"/>
    </row>
    <row r="207" spans="1:20" ht="12.75" customHeight="1" x14ac:dyDescent="0.15">
      <c r="C207" s="8"/>
      <c r="D207" s="8"/>
      <c r="E207" s="8"/>
      <c r="F207" s="8"/>
      <c r="G207" s="7"/>
      <c r="H207" s="7"/>
      <c r="I207" s="8"/>
      <c r="J207" s="8"/>
      <c r="K207" s="8"/>
      <c r="L207" s="8"/>
      <c r="M207" s="8"/>
      <c r="N207" s="7"/>
      <c r="O207" s="7"/>
      <c r="P207" s="7"/>
      <c r="Q207" s="7"/>
      <c r="R207" s="7"/>
      <c r="S207" s="7"/>
    </row>
    <row r="208" spans="1:20" ht="12.75" customHeight="1" x14ac:dyDescent="0.15">
      <c r="C208" s="8"/>
      <c r="D208" s="8"/>
      <c r="E208" s="8"/>
      <c r="F208" s="8"/>
      <c r="G208" s="7"/>
      <c r="H208" s="7"/>
      <c r="I208" s="8"/>
      <c r="J208" s="8"/>
      <c r="K208" s="8"/>
      <c r="L208" s="8"/>
      <c r="M208" s="8"/>
      <c r="N208" s="7"/>
      <c r="O208" s="7"/>
      <c r="P208" s="7"/>
      <c r="Q208" s="7"/>
      <c r="R208" s="7"/>
      <c r="S208" s="7"/>
    </row>
    <row r="209" spans="3:19" ht="12.75" customHeight="1" x14ac:dyDescent="0.15">
      <c r="C209" s="8"/>
      <c r="D209" s="8"/>
      <c r="E209" s="8"/>
      <c r="F209" s="8"/>
      <c r="G209" s="7"/>
      <c r="H209" s="7"/>
      <c r="I209" s="8"/>
      <c r="J209" s="8"/>
      <c r="K209" s="8"/>
      <c r="L209" s="8"/>
      <c r="M209" s="8"/>
      <c r="N209" s="7"/>
      <c r="O209" s="7"/>
      <c r="P209" s="7"/>
      <c r="Q209" s="7"/>
      <c r="R209" s="7"/>
      <c r="S209" s="7"/>
    </row>
    <row r="210" spans="3:19" ht="12.75" customHeight="1" x14ac:dyDescent="0.15">
      <c r="C210" s="8"/>
      <c r="D210" s="8"/>
      <c r="E210" s="8"/>
      <c r="F210" s="8"/>
      <c r="G210" s="7"/>
      <c r="H210" s="7"/>
      <c r="I210" s="8"/>
      <c r="J210" s="8"/>
      <c r="K210" s="8"/>
      <c r="L210" s="8"/>
      <c r="M210" s="8"/>
      <c r="N210" s="7"/>
      <c r="O210" s="7"/>
      <c r="P210" s="7"/>
      <c r="Q210" s="7"/>
      <c r="R210" s="7"/>
      <c r="S210" s="7"/>
    </row>
    <row r="211" spans="3:19" ht="12.75" customHeight="1" x14ac:dyDescent="0.15">
      <c r="C211" s="8"/>
      <c r="D211" s="8"/>
      <c r="E211" s="8"/>
      <c r="F211" s="8"/>
      <c r="G211" s="7"/>
      <c r="H211" s="7"/>
      <c r="I211" s="8"/>
      <c r="J211" s="8"/>
      <c r="K211" s="8"/>
      <c r="L211" s="8"/>
      <c r="M211" s="8"/>
      <c r="N211" s="7"/>
      <c r="O211" s="7"/>
      <c r="P211" s="7"/>
      <c r="Q211" s="7"/>
      <c r="R211" s="7"/>
      <c r="S211" s="7"/>
    </row>
    <row r="212" spans="3:19" ht="12.75" customHeight="1" x14ac:dyDescent="0.15">
      <c r="C212" s="8"/>
      <c r="D212" s="8"/>
      <c r="E212" s="8"/>
      <c r="F212" s="8"/>
      <c r="G212" s="7"/>
      <c r="H212" s="7"/>
      <c r="I212" s="8"/>
      <c r="J212" s="8"/>
      <c r="K212" s="8"/>
      <c r="L212" s="8"/>
      <c r="M212" s="8"/>
      <c r="N212" s="7"/>
      <c r="O212" s="7"/>
      <c r="P212" s="7"/>
      <c r="Q212" s="7"/>
      <c r="R212" s="7"/>
      <c r="S212" s="7"/>
    </row>
    <row r="213" spans="3:19" ht="12.75" customHeight="1" x14ac:dyDescent="0.15">
      <c r="C213" s="8"/>
      <c r="D213" s="8"/>
      <c r="E213" s="8"/>
      <c r="F213" s="8"/>
      <c r="G213" s="7"/>
      <c r="H213" s="7"/>
      <c r="I213" s="8"/>
      <c r="J213" s="8"/>
      <c r="K213" s="8"/>
      <c r="L213" s="8"/>
      <c r="M213" s="8"/>
      <c r="N213" s="7"/>
      <c r="O213" s="7"/>
      <c r="P213" s="7"/>
      <c r="Q213" s="7"/>
      <c r="R213" s="7"/>
      <c r="S213" s="7"/>
    </row>
    <row r="214" spans="3:19" ht="12.75" customHeight="1" x14ac:dyDescent="0.15">
      <c r="C214" s="8"/>
      <c r="D214" s="8"/>
      <c r="E214" s="8"/>
      <c r="F214" s="8"/>
      <c r="G214" s="7"/>
      <c r="H214" s="7"/>
      <c r="I214" s="8"/>
      <c r="J214" s="8"/>
      <c r="K214" s="8"/>
      <c r="L214" s="8"/>
      <c r="M214" s="8"/>
      <c r="N214" s="7"/>
      <c r="O214" s="7"/>
      <c r="P214" s="7"/>
      <c r="Q214" s="7"/>
      <c r="R214" s="7"/>
      <c r="S214" s="7"/>
    </row>
    <row r="215" spans="3:19" ht="12.75" customHeight="1" x14ac:dyDescent="0.15">
      <c r="C215" s="8"/>
      <c r="D215" s="8"/>
      <c r="E215" s="8"/>
      <c r="F215" s="8"/>
      <c r="G215" s="7"/>
      <c r="H215" s="7"/>
      <c r="I215" s="8"/>
      <c r="J215" s="8"/>
      <c r="K215" s="8"/>
      <c r="L215" s="8"/>
      <c r="M215" s="8"/>
      <c r="N215" s="7"/>
      <c r="O215" s="7"/>
      <c r="P215" s="7"/>
      <c r="Q215" s="7"/>
      <c r="R215" s="7"/>
      <c r="S215" s="7"/>
    </row>
    <row r="216" spans="3:19" ht="12.75" customHeight="1" x14ac:dyDescent="0.15">
      <c r="C216" s="8"/>
      <c r="D216" s="8"/>
      <c r="E216" s="8"/>
      <c r="F216" s="8"/>
      <c r="G216" s="7"/>
      <c r="H216" s="7"/>
      <c r="I216" s="8"/>
      <c r="J216" s="8"/>
      <c r="K216" s="8"/>
      <c r="L216" s="8"/>
      <c r="M216" s="8"/>
      <c r="N216" s="7"/>
      <c r="O216" s="7"/>
      <c r="P216" s="7"/>
      <c r="Q216" s="7"/>
      <c r="R216" s="7"/>
      <c r="S216" s="7"/>
    </row>
    <row r="217" spans="3:19" ht="12.75" customHeight="1" x14ac:dyDescent="0.15">
      <c r="C217" s="8"/>
      <c r="D217" s="8"/>
      <c r="E217" s="8"/>
      <c r="F217" s="8"/>
      <c r="G217" s="7"/>
      <c r="H217" s="7"/>
      <c r="I217" s="8"/>
      <c r="J217" s="8"/>
      <c r="K217" s="8"/>
      <c r="L217" s="8"/>
      <c r="M217" s="8"/>
      <c r="N217" s="7"/>
      <c r="O217" s="7"/>
      <c r="P217" s="7"/>
      <c r="Q217" s="7"/>
      <c r="R217" s="7"/>
      <c r="S217" s="7"/>
    </row>
    <row r="218" spans="3:19" ht="12.75" customHeight="1" x14ac:dyDescent="0.15">
      <c r="C218" s="8"/>
      <c r="D218" s="8"/>
      <c r="E218" s="8"/>
      <c r="F218" s="8"/>
      <c r="G218" s="7"/>
      <c r="H218" s="7"/>
      <c r="I218" s="8"/>
      <c r="J218" s="8"/>
      <c r="K218" s="8"/>
      <c r="L218" s="8"/>
      <c r="M218" s="8"/>
      <c r="N218" s="7"/>
      <c r="O218" s="7"/>
      <c r="P218" s="7"/>
      <c r="Q218" s="7"/>
      <c r="R218" s="7"/>
      <c r="S218" s="7"/>
    </row>
    <row r="219" spans="3:19" ht="12.75" customHeight="1" x14ac:dyDescent="0.15">
      <c r="C219" s="8"/>
      <c r="D219" s="8"/>
      <c r="E219" s="8"/>
      <c r="F219" s="8"/>
      <c r="G219" s="7"/>
      <c r="H219" s="7"/>
      <c r="I219" s="8"/>
      <c r="J219" s="8"/>
      <c r="K219" s="8"/>
      <c r="L219" s="8"/>
      <c r="M219" s="8"/>
      <c r="N219" s="7"/>
      <c r="O219" s="7"/>
      <c r="P219" s="7"/>
      <c r="Q219" s="7"/>
      <c r="R219" s="7"/>
      <c r="S219" s="7"/>
    </row>
    <row r="220" spans="3:19" ht="12.75" customHeight="1" x14ac:dyDescent="0.15">
      <c r="C220" s="8"/>
      <c r="D220" s="8"/>
      <c r="E220" s="8"/>
      <c r="F220" s="8"/>
      <c r="G220" s="7"/>
      <c r="H220" s="7"/>
      <c r="I220" s="8"/>
      <c r="J220" s="8"/>
      <c r="K220" s="8"/>
      <c r="L220" s="8"/>
      <c r="M220" s="8"/>
      <c r="N220" s="7"/>
      <c r="O220" s="7"/>
      <c r="P220" s="7"/>
      <c r="Q220" s="7"/>
      <c r="R220" s="7"/>
      <c r="S220" s="7"/>
    </row>
    <row r="221" spans="3:19" ht="12.75" customHeight="1" x14ac:dyDescent="0.15">
      <c r="C221" s="8"/>
      <c r="D221" s="8"/>
      <c r="E221" s="8"/>
      <c r="F221" s="8"/>
      <c r="G221" s="7"/>
      <c r="H221" s="7"/>
      <c r="I221" s="8"/>
      <c r="J221" s="8"/>
      <c r="K221" s="8"/>
      <c r="L221" s="8"/>
      <c r="M221" s="8"/>
      <c r="N221" s="7"/>
      <c r="O221" s="7"/>
      <c r="P221" s="7"/>
      <c r="Q221" s="7"/>
      <c r="R221" s="7"/>
      <c r="S221" s="7"/>
    </row>
    <row r="222" spans="3:19" ht="12.75" customHeight="1" x14ac:dyDescent="0.15">
      <c r="C222" s="8"/>
      <c r="D222" s="8"/>
      <c r="E222" s="8"/>
      <c r="F222" s="8"/>
      <c r="G222" s="7"/>
      <c r="H222" s="7"/>
      <c r="I222" s="8"/>
      <c r="J222" s="8"/>
      <c r="K222" s="8"/>
      <c r="L222" s="8"/>
      <c r="M222" s="8"/>
      <c r="N222" s="7"/>
      <c r="O222" s="7"/>
      <c r="P222" s="7"/>
      <c r="Q222" s="7"/>
      <c r="R222" s="7"/>
      <c r="S222" s="7"/>
    </row>
    <row r="223" spans="3:19" ht="12.75" customHeight="1" x14ac:dyDescent="0.15">
      <c r="C223" s="8"/>
      <c r="D223" s="8"/>
      <c r="E223" s="8"/>
      <c r="F223" s="8"/>
      <c r="G223" s="7"/>
      <c r="H223" s="7"/>
      <c r="I223" s="8"/>
      <c r="J223" s="8"/>
      <c r="K223" s="8"/>
      <c r="L223" s="8"/>
      <c r="M223" s="8"/>
      <c r="N223" s="7"/>
      <c r="O223" s="7"/>
      <c r="P223" s="7"/>
      <c r="Q223" s="7"/>
      <c r="R223" s="7"/>
      <c r="S223" s="7"/>
    </row>
    <row r="224" spans="3:19" ht="12.75" customHeight="1" x14ac:dyDescent="0.15">
      <c r="C224" s="8"/>
      <c r="D224" s="8"/>
      <c r="E224" s="8"/>
      <c r="F224" s="8"/>
      <c r="G224" s="7"/>
      <c r="H224" s="7"/>
      <c r="I224" s="8"/>
      <c r="J224" s="8"/>
      <c r="K224" s="8"/>
      <c r="L224" s="8"/>
      <c r="M224" s="8"/>
      <c r="N224" s="7"/>
      <c r="O224" s="7"/>
      <c r="P224" s="7"/>
      <c r="Q224" s="7"/>
      <c r="R224" s="7"/>
      <c r="S224" s="7"/>
    </row>
    <row r="225" spans="3:19" ht="12.75" customHeight="1" x14ac:dyDescent="0.15">
      <c r="C225" s="8"/>
      <c r="D225" s="8"/>
      <c r="E225" s="8"/>
      <c r="F225" s="8"/>
      <c r="G225" s="7"/>
      <c r="H225" s="7"/>
      <c r="I225" s="8"/>
      <c r="J225" s="8"/>
      <c r="K225" s="8"/>
      <c r="L225" s="8"/>
      <c r="M225" s="8"/>
      <c r="N225" s="7"/>
      <c r="O225" s="7"/>
      <c r="P225" s="7"/>
      <c r="Q225" s="7"/>
      <c r="R225" s="7"/>
      <c r="S225" s="7"/>
    </row>
    <row r="226" spans="3:19" ht="12.75" customHeight="1" x14ac:dyDescent="0.15">
      <c r="C226" s="8"/>
      <c r="D226" s="8"/>
      <c r="E226" s="8"/>
      <c r="F226" s="8"/>
      <c r="G226" s="7"/>
      <c r="H226" s="7"/>
      <c r="I226" s="8"/>
      <c r="J226" s="8"/>
      <c r="K226" s="8"/>
      <c r="L226" s="8"/>
      <c r="M226" s="8"/>
      <c r="N226" s="7"/>
      <c r="O226" s="7"/>
      <c r="P226" s="7"/>
      <c r="Q226" s="7"/>
      <c r="R226" s="7"/>
      <c r="S226" s="7"/>
    </row>
    <row r="227" spans="3:19" ht="12.75" customHeight="1" x14ac:dyDescent="0.15">
      <c r="C227" s="8"/>
      <c r="D227" s="8"/>
      <c r="E227" s="8"/>
      <c r="F227" s="8"/>
      <c r="G227" s="7"/>
      <c r="H227" s="7"/>
      <c r="I227" s="8"/>
      <c r="J227" s="8"/>
      <c r="K227" s="8"/>
      <c r="L227" s="8"/>
      <c r="M227" s="8"/>
      <c r="N227" s="7"/>
      <c r="O227" s="7"/>
      <c r="P227" s="7"/>
      <c r="Q227" s="7"/>
      <c r="R227" s="7"/>
      <c r="S227" s="7"/>
    </row>
    <row r="228" spans="3:19" ht="12.75" customHeight="1" x14ac:dyDescent="0.15">
      <c r="C228" s="8"/>
      <c r="D228" s="8"/>
      <c r="E228" s="8"/>
      <c r="F228" s="8"/>
      <c r="G228" s="7"/>
      <c r="H228" s="7"/>
      <c r="I228" s="8"/>
      <c r="J228" s="8"/>
      <c r="K228" s="8"/>
      <c r="L228" s="8"/>
      <c r="M228" s="8"/>
      <c r="N228" s="7"/>
      <c r="O228" s="7"/>
      <c r="P228" s="7"/>
      <c r="Q228" s="7"/>
      <c r="R228" s="7"/>
      <c r="S228" s="7"/>
    </row>
    <row r="229" spans="3:19" ht="12.75" customHeight="1" x14ac:dyDescent="0.15">
      <c r="C229" s="8"/>
      <c r="D229" s="8"/>
      <c r="E229" s="8"/>
      <c r="F229" s="8"/>
      <c r="G229" s="7"/>
      <c r="H229" s="7"/>
      <c r="I229" s="8"/>
      <c r="J229" s="8"/>
      <c r="K229" s="8"/>
      <c r="L229" s="8"/>
      <c r="M229" s="8"/>
      <c r="N229" s="7"/>
      <c r="O229" s="7"/>
      <c r="P229" s="7"/>
      <c r="Q229" s="7"/>
      <c r="R229" s="7"/>
      <c r="S229" s="7"/>
    </row>
    <row r="230" spans="3:19" ht="12.75" customHeight="1" x14ac:dyDescent="0.15">
      <c r="C230" s="8"/>
      <c r="D230" s="8"/>
      <c r="E230" s="8"/>
      <c r="F230" s="8"/>
      <c r="G230" s="7"/>
      <c r="H230" s="7"/>
      <c r="I230" s="8"/>
      <c r="J230" s="8"/>
      <c r="K230" s="8"/>
      <c r="L230" s="8"/>
      <c r="M230" s="8"/>
      <c r="N230" s="7"/>
      <c r="O230" s="7"/>
      <c r="P230" s="7"/>
      <c r="Q230" s="7"/>
      <c r="R230" s="7"/>
      <c r="S230" s="7"/>
    </row>
    <row r="231" spans="3:19" ht="12.75" customHeight="1" x14ac:dyDescent="0.15">
      <c r="C231" s="8"/>
      <c r="D231" s="8"/>
      <c r="E231" s="8"/>
      <c r="F231" s="8"/>
      <c r="G231" s="7"/>
      <c r="H231" s="7"/>
      <c r="I231" s="8"/>
      <c r="J231" s="8"/>
      <c r="K231" s="8"/>
      <c r="L231" s="8"/>
      <c r="M231" s="8"/>
      <c r="N231" s="7"/>
      <c r="O231" s="7"/>
      <c r="P231" s="7"/>
      <c r="Q231" s="7"/>
      <c r="R231" s="7"/>
      <c r="S231" s="7"/>
    </row>
    <row r="232" spans="3:19" ht="12.75" customHeight="1" x14ac:dyDescent="0.15">
      <c r="C232" s="8"/>
      <c r="D232" s="8"/>
      <c r="E232" s="8"/>
      <c r="F232" s="8"/>
      <c r="G232" s="7"/>
      <c r="H232" s="7"/>
      <c r="I232" s="8"/>
      <c r="J232" s="8"/>
      <c r="K232" s="8"/>
      <c r="L232" s="8"/>
      <c r="M232" s="8"/>
      <c r="N232" s="7"/>
      <c r="O232" s="7"/>
      <c r="P232" s="7"/>
      <c r="Q232" s="7"/>
      <c r="R232" s="7"/>
      <c r="S232" s="7"/>
    </row>
    <row r="233" spans="3:19" ht="12.75" customHeight="1" x14ac:dyDescent="0.15">
      <c r="C233" s="8"/>
      <c r="D233" s="8"/>
      <c r="E233" s="8"/>
      <c r="F233" s="8"/>
      <c r="G233" s="7"/>
      <c r="H233" s="7"/>
      <c r="I233" s="8"/>
      <c r="J233" s="8"/>
      <c r="K233" s="8"/>
      <c r="L233" s="8"/>
      <c r="M233" s="8"/>
      <c r="N233" s="7"/>
      <c r="O233" s="7"/>
      <c r="P233" s="7"/>
      <c r="Q233" s="7"/>
      <c r="R233" s="7"/>
      <c r="S233" s="7"/>
    </row>
    <row r="234" spans="3:19" ht="12.75" customHeight="1" x14ac:dyDescent="0.15">
      <c r="C234" s="8"/>
      <c r="D234" s="8"/>
      <c r="E234" s="8"/>
      <c r="F234" s="8"/>
      <c r="G234" s="7"/>
      <c r="H234" s="7"/>
      <c r="I234" s="8"/>
      <c r="J234" s="8"/>
      <c r="K234" s="8"/>
      <c r="L234" s="8"/>
      <c r="M234" s="8"/>
      <c r="N234" s="7"/>
      <c r="O234" s="7"/>
      <c r="P234" s="7"/>
      <c r="Q234" s="7"/>
      <c r="R234" s="7"/>
      <c r="S234" s="7"/>
    </row>
    <row r="235" spans="3:19" ht="12.75" customHeight="1" x14ac:dyDescent="0.15">
      <c r="C235" s="8"/>
      <c r="D235" s="8"/>
      <c r="E235" s="8"/>
      <c r="F235" s="8"/>
      <c r="G235" s="7"/>
      <c r="H235" s="7"/>
      <c r="I235" s="8"/>
      <c r="J235" s="8"/>
      <c r="K235" s="8"/>
      <c r="L235" s="8"/>
      <c r="M235" s="8"/>
      <c r="N235" s="7"/>
      <c r="O235" s="7"/>
      <c r="P235" s="7"/>
      <c r="Q235" s="7"/>
      <c r="R235" s="7"/>
      <c r="S235" s="7"/>
    </row>
    <row r="236" spans="3:19" ht="12.75" customHeight="1" x14ac:dyDescent="0.15">
      <c r="C236" s="8"/>
      <c r="D236" s="8"/>
      <c r="E236" s="8"/>
      <c r="F236" s="8"/>
      <c r="G236" s="7"/>
      <c r="H236" s="7"/>
      <c r="I236" s="8"/>
      <c r="J236" s="8"/>
      <c r="K236" s="8"/>
      <c r="L236" s="8"/>
      <c r="M236" s="8"/>
      <c r="N236" s="7"/>
      <c r="O236" s="7"/>
      <c r="P236" s="7"/>
      <c r="Q236" s="7"/>
      <c r="R236" s="7"/>
      <c r="S236" s="7"/>
    </row>
    <row r="237" spans="3:19" ht="12.75" customHeight="1" x14ac:dyDescent="0.15">
      <c r="C237" s="8"/>
      <c r="D237" s="8"/>
      <c r="E237" s="8"/>
      <c r="F237" s="8"/>
      <c r="G237" s="7"/>
      <c r="H237" s="7"/>
      <c r="I237" s="8"/>
      <c r="J237" s="8"/>
      <c r="K237" s="8"/>
      <c r="L237" s="8"/>
      <c r="M237" s="8"/>
      <c r="N237" s="7"/>
      <c r="O237" s="7"/>
      <c r="P237" s="7"/>
      <c r="Q237" s="7"/>
      <c r="R237" s="7"/>
      <c r="S237" s="7"/>
    </row>
    <row r="238" spans="3:19" ht="12.75" customHeight="1" x14ac:dyDescent="0.15">
      <c r="C238" s="8"/>
      <c r="D238" s="8"/>
      <c r="E238" s="8"/>
      <c r="F238" s="8"/>
      <c r="G238" s="7"/>
      <c r="H238" s="7"/>
      <c r="I238" s="8"/>
      <c r="J238" s="8"/>
      <c r="K238" s="8"/>
      <c r="L238" s="8"/>
      <c r="M238" s="8"/>
      <c r="N238" s="7"/>
      <c r="O238" s="7"/>
      <c r="P238" s="7"/>
      <c r="Q238" s="7"/>
      <c r="R238" s="7"/>
      <c r="S238" s="7"/>
    </row>
    <row r="239" spans="3:19" ht="12.75" customHeight="1" x14ac:dyDescent="0.15">
      <c r="C239" s="8"/>
      <c r="D239" s="8"/>
      <c r="E239" s="8"/>
      <c r="F239" s="8"/>
      <c r="G239" s="7"/>
      <c r="H239" s="7"/>
      <c r="I239" s="8"/>
      <c r="J239" s="8"/>
      <c r="K239" s="8"/>
      <c r="L239" s="8"/>
      <c r="M239" s="8"/>
      <c r="N239" s="7"/>
      <c r="O239" s="7"/>
      <c r="P239" s="7"/>
      <c r="Q239" s="7"/>
      <c r="R239" s="7"/>
      <c r="S239" s="7"/>
    </row>
    <row r="240" spans="3:19" ht="12.75" customHeight="1" x14ac:dyDescent="0.15">
      <c r="C240" s="8"/>
      <c r="D240" s="8"/>
      <c r="E240" s="8"/>
      <c r="F240" s="8"/>
      <c r="G240" s="7"/>
      <c r="H240" s="7"/>
      <c r="I240" s="8"/>
      <c r="J240" s="8"/>
      <c r="K240" s="8"/>
      <c r="L240" s="8"/>
      <c r="M240" s="8"/>
      <c r="N240" s="7"/>
      <c r="O240" s="7"/>
      <c r="P240" s="7"/>
      <c r="Q240" s="7"/>
      <c r="R240" s="7"/>
      <c r="S240" s="7"/>
    </row>
    <row r="241" spans="3:19" ht="12.75" customHeight="1" x14ac:dyDescent="0.15">
      <c r="C241" s="8"/>
      <c r="D241" s="8"/>
      <c r="E241" s="8"/>
      <c r="F241" s="8"/>
      <c r="G241" s="7"/>
      <c r="H241" s="7"/>
      <c r="I241" s="8"/>
      <c r="J241" s="8"/>
      <c r="K241" s="8"/>
      <c r="L241" s="8"/>
      <c r="M241" s="8"/>
      <c r="N241" s="7"/>
      <c r="O241" s="7"/>
      <c r="P241" s="7"/>
      <c r="Q241" s="7"/>
      <c r="R241" s="4"/>
      <c r="S241" s="4"/>
    </row>
    <row r="242" spans="3:19" ht="12.75" customHeight="1" x14ac:dyDescent="0.15">
      <c r="C242" s="8"/>
      <c r="D242" s="8"/>
      <c r="E242" s="8"/>
      <c r="F242" s="8"/>
      <c r="G242" s="7"/>
      <c r="H242" s="7"/>
      <c r="I242" s="8"/>
      <c r="J242" s="8"/>
      <c r="K242" s="8"/>
      <c r="L242" s="8"/>
      <c r="M242" s="8"/>
      <c r="N242" s="7"/>
      <c r="O242" s="7"/>
      <c r="P242" s="7"/>
      <c r="Q242" s="7"/>
      <c r="R242" s="4"/>
      <c r="S242" s="4"/>
    </row>
    <row r="243" spans="3:19" ht="12.75" customHeight="1" x14ac:dyDescent="0.15">
      <c r="N243" s="4"/>
      <c r="O243" s="4"/>
      <c r="P243" s="4"/>
      <c r="Q243" s="4"/>
      <c r="R243" s="4"/>
      <c r="S243" s="4"/>
    </row>
    <row r="244" spans="3:19" ht="12.75" customHeight="1" x14ac:dyDescent="0.15">
      <c r="N244" s="4"/>
      <c r="O244" s="4"/>
      <c r="P244" s="4"/>
      <c r="Q244" s="4"/>
      <c r="R244" s="4"/>
      <c r="S244" s="4"/>
    </row>
    <row r="245" spans="3:19" ht="12.75" customHeight="1" x14ac:dyDescent="0.15">
      <c r="N245" s="4"/>
      <c r="O245" s="4"/>
      <c r="P245" s="4"/>
      <c r="Q245" s="4"/>
      <c r="R245" s="4"/>
      <c r="S245" s="4"/>
    </row>
    <row r="246" spans="3:19" ht="12.75" customHeight="1" x14ac:dyDescent="0.15">
      <c r="N246" s="4"/>
      <c r="O246" s="4"/>
      <c r="P246" s="4"/>
      <c r="Q246" s="4"/>
      <c r="R246" s="4"/>
      <c r="S246" s="4"/>
    </row>
    <row r="247" spans="3:19" ht="12.75" customHeight="1" x14ac:dyDescent="0.15">
      <c r="N247" s="4"/>
      <c r="O247" s="4"/>
      <c r="P247" s="4"/>
      <c r="Q247" s="4"/>
      <c r="R247" s="4"/>
      <c r="S247" s="4"/>
    </row>
    <row r="248" spans="3:19" ht="12.75" customHeight="1" x14ac:dyDescent="0.15">
      <c r="N248" s="4"/>
      <c r="O248" s="4"/>
      <c r="P248" s="4"/>
      <c r="Q248" s="4"/>
      <c r="R248" s="4"/>
      <c r="S248" s="4"/>
    </row>
    <row r="249" spans="3:19" ht="12.75" customHeight="1" x14ac:dyDescent="0.15">
      <c r="N249" s="4"/>
      <c r="O249" s="4"/>
      <c r="P249" s="4"/>
      <c r="Q249" s="4"/>
      <c r="R249" s="4"/>
      <c r="S249" s="4"/>
    </row>
    <row r="250" spans="3:19" ht="12.75" customHeight="1" x14ac:dyDescent="0.15">
      <c r="N250" s="4"/>
      <c r="O250" s="4"/>
      <c r="P250" s="4"/>
      <c r="Q250" s="4"/>
      <c r="R250" s="4"/>
      <c r="S250" s="4"/>
    </row>
    <row r="251" spans="3:19" ht="12.75" customHeight="1" x14ac:dyDescent="0.15">
      <c r="N251" s="4"/>
      <c r="O251" s="4"/>
      <c r="P251" s="4"/>
      <c r="Q251" s="4"/>
      <c r="R251" s="4"/>
      <c r="S251" s="4"/>
    </row>
    <row r="252" spans="3:19" ht="12.75" customHeight="1" x14ac:dyDescent="0.15">
      <c r="N252" s="4"/>
      <c r="O252" s="4"/>
      <c r="P252" s="4"/>
      <c r="Q252" s="4"/>
      <c r="R252" s="4"/>
      <c r="S252" s="4"/>
    </row>
    <row r="253" spans="3:19" ht="12.75" customHeight="1" x14ac:dyDescent="0.15">
      <c r="N253" s="4"/>
      <c r="O253" s="4"/>
      <c r="P253" s="4"/>
      <c r="Q253" s="4"/>
      <c r="R253" s="4"/>
      <c r="S253" s="4"/>
    </row>
    <row r="254" spans="3:19" ht="12.75" customHeight="1" x14ac:dyDescent="0.15">
      <c r="N254" s="4"/>
      <c r="O254" s="4"/>
      <c r="P254" s="4"/>
      <c r="Q254" s="4"/>
      <c r="R254" s="4"/>
      <c r="S254" s="4"/>
    </row>
    <row r="255" spans="3:19" ht="12.75" customHeight="1" x14ac:dyDescent="0.15">
      <c r="N255" s="4"/>
      <c r="O255" s="4"/>
      <c r="P255" s="4"/>
      <c r="Q255" s="4"/>
      <c r="R255" s="4"/>
      <c r="S255" s="4"/>
    </row>
    <row r="256" spans="3:19" ht="12.75" customHeight="1" x14ac:dyDescent="0.15">
      <c r="N256" s="4"/>
      <c r="O256" s="4"/>
      <c r="P256" s="4"/>
      <c r="Q256" s="4"/>
      <c r="R256" s="4"/>
      <c r="S256" s="4"/>
    </row>
    <row r="257" spans="14:19" ht="12.75" customHeight="1" x14ac:dyDescent="0.15">
      <c r="N257" s="4"/>
      <c r="O257" s="4"/>
      <c r="P257" s="4"/>
      <c r="Q257" s="4"/>
      <c r="R257" s="4"/>
      <c r="S257" s="4"/>
    </row>
    <row r="258" spans="14:19" ht="12.75" customHeight="1" x14ac:dyDescent="0.15">
      <c r="N258" s="4"/>
      <c r="O258" s="4"/>
      <c r="P258" s="4"/>
      <c r="Q258" s="4"/>
      <c r="R258" s="4"/>
      <c r="S258" s="4"/>
    </row>
    <row r="259" spans="14:19" ht="12.75" customHeight="1" x14ac:dyDescent="0.15">
      <c r="N259" s="4"/>
      <c r="O259" s="4"/>
      <c r="P259" s="4"/>
      <c r="Q259" s="4"/>
      <c r="R259" s="4"/>
      <c r="S259" s="4"/>
    </row>
    <row r="260" spans="14:19" ht="12.75" customHeight="1" x14ac:dyDescent="0.15">
      <c r="N260" s="4"/>
      <c r="O260" s="4"/>
      <c r="P260" s="4"/>
      <c r="Q260" s="4"/>
      <c r="R260" s="4"/>
      <c r="S260" s="4"/>
    </row>
    <row r="261" spans="14:19" ht="12.75" customHeight="1" x14ac:dyDescent="0.15">
      <c r="N261" s="4"/>
      <c r="O261" s="4"/>
      <c r="P261" s="4"/>
      <c r="Q261" s="4"/>
      <c r="R261" s="4"/>
      <c r="S261" s="4"/>
    </row>
    <row r="262" spans="14:19" ht="12.75" customHeight="1" x14ac:dyDescent="0.15">
      <c r="N262" s="4"/>
      <c r="O262" s="4"/>
      <c r="P262" s="4"/>
      <c r="Q262" s="4"/>
      <c r="R262" s="4"/>
      <c r="S262" s="4"/>
    </row>
    <row r="263" spans="14:19" ht="12.75" customHeight="1" x14ac:dyDescent="0.15">
      <c r="N263" s="4"/>
      <c r="O263" s="4"/>
      <c r="P263" s="4"/>
      <c r="Q263" s="4"/>
      <c r="R263" s="4"/>
      <c r="S263" s="4"/>
    </row>
    <row r="264" spans="14:19" ht="12.75" customHeight="1" x14ac:dyDescent="0.15">
      <c r="N264" s="4"/>
      <c r="O264" s="4"/>
      <c r="P264" s="4"/>
      <c r="Q264" s="4"/>
      <c r="R264" s="4"/>
      <c r="S264" s="4"/>
    </row>
    <row r="265" spans="14:19" ht="12.75" customHeight="1" x14ac:dyDescent="0.15">
      <c r="N265" s="4"/>
      <c r="O265" s="4"/>
      <c r="P265" s="4"/>
      <c r="Q265" s="4"/>
      <c r="R265" s="4"/>
      <c r="S265" s="4"/>
    </row>
    <row r="266" spans="14:19" ht="12.75" customHeight="1" x14ac:dyDescent="0.15">
      <c r="N266" s="4"/>
      <c r="O266" s="4"/>
      <c r="P266" s="4"/>
      <c r="Q266" s="4"/>
      <c r="R266" s="4"/>
      <c r="S266" s="4"/>
    </row>
    <row r="267" spans="14:19" ht="12.75" customHeight="1" x14ac:dyDescent="0.15">
      <c r="N267" s="4"/>
      <c r="O267" s="4"/>
      <c r="P267" s="4"/>
      <c r="Q267" s="4"/>
      <c r="R267" s="4"/>
      <c r="S267" s="4"/>
    </row>
    <row r="268" spans="14:19" ht="12.75" customHeight="1" x14ac:dyDescent="0.15">
      <c r="N268" s="4"/>
      <c r="O268" s="4"/>
      <c r="P268" s="4"/>
      <c r="Q268" s="4"/>
      <c r="R268" s="4"/>
      <c r="S268" s="4"/>
    </row>
    <row r="269" spans="14:19" ht="12.75" customHeight="1" x14ac:dyDescent="0.15">
      <c r="N269" s="4"/>
      <c r="O269" s="4"/>
      <c r="P269" s="4"/>
      <c r="Q269" s="4"/>
      <c r="R269" s="4"/>
      <c r="S269" s="4"/>
    </row>
    <row r="270" spans="14:19" ht="12.75" customHeight="1" x14ac:dyDescent="0.15">
      <c r="N270" s="4"/>
      <c r="O270" s="4"/>
      <c r="P270" s="4"/>
      <c r="Q270" s="4"/>
      <c r="R270" s="4"/>
      <c r="S270" s="4"/>
    </row>
    <row r="271" spans="14:19" ht="12.75" customHeight="1" x14ac:dyDescent="0.15">
      <c r="N271" s="4"/>
      <c r="O271" s="4"/>
      <c r="P271" s="4"/>
      <c r="Q271" s="4"/>
      <c r="R271" s="4"/>
      <c r="S271" s="4"/>
    </row>
    <row r="272" spans="14:19" ht="12.75" customHeight="1" x14ac:dyDescent="0.15">
      <c r="N272" s="4"/>
      <c r="O272" s="4"/>
      <c r="P272" s="4"/>
      <c r="Q272" s="4"/>
      <c r="R272" s="4"/>
      <c r="S272" s="4"/>
    </row>
    <row r="273" spans="14:19" ht="12.75" customHeight="1" x14ac:dyDescent="0.15">
      <c r="N273" s="4"/>
      <c r="O273" s="4"/>
      <c r="P273" s="4"/>
      <c r="Q273" s="4"/>
      <c r="R273" s="4"/>
      <c r="S273" s="4"/>
    </row>
    <row r="274" spans="14:19" ht="12.75" customHeight="1" x14ac:dyDescent="0.15">
      <c r="N274" s="4"/>
      <c r="O274" s="4"/>
      <c r="P274" s="4"/>
      <c r="Q274" s="4"/>
      <c r="R274" s="4"/>
      <c r="S274" s="4"/>
    </row>
    <row r="275" spans="14:19" ht="12.75" customHeight="1" x14ac:dyDescent="0.15">
      <c r="N275" s="4"/>
      <c r="O275" s="4"/>
      <c r="P275" s="4"/>
      <c r="Q275" s="4"/>
      <c r="R275" s="4"/>
      <c r="S275" s="4"/>
    </row>
    <row r="276" spans="14:19" ht="12.75" customHeight="1" x14ac:dyDescent="0.15">
      <c r="N276" s="4"/>
      <c r="O276" s="4"/>
      <c r="P276" s="4"/>
      <c r="Q276" s="4"/>
      <c r="R276" s="4"/>
      <c r="S276" s="4"/>
    </row>
    <row r="277" spans="14:19" ht="12.75" customHeight="1" x14ac:dyDescent="0.15">
      <c r="N277" s="4"/>
      <c r="O277" s="4"/>
      <c r="P277" s="4"/>
      <c r="Q277" s="4"/>
      <c r="R277" s="4"/>
      <c r="S277" s="4"/>
    </row>
    <row r="278" spans="14:19" ht="12.75" customHeight="1" x14ac:dyDescent="0.15">
      <c r="N278" s="4"/>
      <c r="O278" s="4"/>
      <c r="P278" s="4"/>
      <c r="Q278" s="4"/>
      <c r="R278" s="4"/>
      <c r="S278" s="4"/>
    </row>
    <row r="279" spans="14:19" ht="12.75" customHeight="1" x14ac:dyDescent="0.15">
      <c r="N279" s="4"/>
      <c r="O279" s="4"/>
      <c r="P279" s="4"/>
      <c r="Q279" s="4"/>
      <c r="R279" s="4"/>
      <c r="S279" s="4"/>
    </row>
    <row r="280" spans="14:19" ht="12.75" customHeight="1" x14ac:dyDescent="0.15">
      <c r="N280" s="4"/>
      <c r="O280" s="4"/>
      <c r="P280" s="4"/>
      <c r="Q280" s="4"/>
      <c r="R280" s="4"/>
      <c r="S280" s="4"/>
    </row>
    <row r="281" spans="14:19" ht="12.75" customHeight="1" x14ac:dyDescent="0.15">
      <c r="N281" s="4"/>
      <c r="O281" s="4"/>
      <c r="P281" s="4"/>
      <c r="Q281" s="4"/>
      <c r="R281" s="4"/>
      <c r="S281" s="4"/>
    </row>
    <row r="282" spans="14:19" ht="12.75" customHeight="1" x14ac:dyDescent="0.15">
      <c r="N282" s="4"/>
      <c r="O282" s="4"/>
      <c r="P282" s="4"/>
      <c r="Q282" s="4"/>
      <c r="R282" s="4"/>
      <c r="S282" s="4"/>
    </row>
    <row r="283" spans="14:19" ht="12.75" customHeight="1" x14ac:dyDescent="0.15">
      <c r="N283" s="4"/>
      <c r="O283" s="4"/>
      <c r="P283" s="4"/>
      <c r="Q283" s="4"/>
      <c r="R283" s="4"/>
      <c r="S283" s="4"/>
    </row>
    <row r="284" spans="14:19" ht="12.75" customHeight="1" x14ac:dyDescent="0.15">
      <c r="N284" s="4"/>
      <c r="O284" s="4"/>
      <c r="P284" s="4"/>
      <c r="Q284" s="4"/>
      <c r="R284" s="4"/>
      <c r="S284" s="4"/>
    </row>
    <row r="285" spans="14:19" ht="12.75" customHeight="1" x14ac:dyDescent="0.15">
      <c r="N285" s="4"/>
      <c r="O285" s="4"/>
      <c r="P285" s="4"/>
      <c r="Q285" s="4"/>
      <c r="R285" s="4"/>
      <c r="S285" s="4"/>
    </row>
    <row r="286" spans="14:19" ht="12.75" customHeight="1" x14ac:dyDescent="0.15">
      <c r="N286" s="4"/>
      <c r="O286" s="4"/>
      <c r="P286" s="4"/>
      <c r="Q286" s="4"/>
      <c r="R286" s="4"/>
      <c r="S286" s="4"/>
    </row>
    <row r="287" spans="14:19" ht="12.75" customHeight="1" x14ac:dyDescent="0.15">
      <c r="N287" s="4"/>
      <c r="O287" s="4"/>
      <c r="P287" s="4"/>
      <c r="Q287" s="4"/>
      <c r="R287" s="4"/>
      <c r="S287" s="4"/>
    </row>
    <row r="288" spans="14:19" ht="12.75" customHeight="1" x14ac:dyDescent="0.15">
      <c r="N288" s="4"/>
      <c r="O288" s="4"/>
      <c r="P288" s="4"/>
      <c r="Q288" s="4"/>
      <c r="R288" s="4"/>
      <c r="S288" s="4"/>
    </row>
    <row r="289" spans="14:19" ht="12.75" customHeight="1" x14ac:dyDescent="0.15">
      <c r="N289" s="4"/>
      <c r="O289" s="4"/>
      <c r="P289" s="4"/>
      <c r="Q289" s="4"/>
      <c r="R289" s="4"/>
      <c r="S289" s="4"/>
    </row>
    <row r="290" spans="14:19" ht="12.75" customHeight="1" x14ac:dyDescent="0.15">
      <c r="N290" s="4"/>
      <c r="O290" s="4"/>
      <c r="P290" s="4"/>
      <c r="Q290" s="4"/>
      <c r="R290" s="4"/>
      <c r="S290" s="4"/>
    </row>
    <row r="291" spans="14:19" ht="12.75" customHeight="1" x14ac:dyDescent="0.15">
      <c r="N291" s="4"/>
      <c r="O291" s="4"/>
      <c r="P291" s="4"/>
      <c r="Q291" s="4"/>
      <c r="R291" s="4"/>
      <c r="S291" s="4"/>
    </row>
    <row r="292" spans="14:19" ht="12.75" customHeight="1" x14ac:dyDescent="0.15">
      <c r="N292" s="4"/>
      <c r="O292" s="4"/>
      <c r="P292" s="4"/>
      <c r="Q292" s="4"/>
      <c r="R292" s="4"/>
      <c r="S292" s="4"/>
    </row>
    <row r="293" spans="14:19" ht="12.75" customHeight="1" x14ac:dyDescent="0.15">
      <c r="N293" s="4"/>
      <c r="O293" s="4"/>
      <c r="P293" s="4"/>
      <c r="Q293" s="4"/>
      <c r="R293" s="4"/>
      <c r="S293" s="4"/>
    </row>
    <row r="294" spans="14:19" ht="12.75" customHeight="1" x14ac:dyDescent="0.15">
      <c r="N294" s="4"/>
      <c r="O294" s="4"/>
      <c r="P294" s="4"/>
      <c r="Q294" s="4"/>
      <c r="R294" s="4"/>
      <c r="S294" s="4"/>
    </row>
    <row r="295" spans="14:19" ht="12.75" customHeight="1" x14ac:dyDescent="0.15">
      <c r="N295" s="4"/>
      <c r="O295" s="4"/>
      <c r="P295" s="4"/>
      <c r="Q295" s="4"/>
      <c r="R295" s="4"/>
      <c r="S295" s="4"/>
    </row>
    <row r="296" spans="14:19" ht="12.75" customHeight="1" x14ac:dyDescent="0.15">
      <c r="N296" s="4"/>
      <c r="O296" s="4"/>
      <c r="P296" s="4"/>
      <c r="Q296" s="4"/>
      <c r="R296" s="4"/>
      <c r="S296" s="4"/>
    </row>
    <row r="297" spans="14:19" ht="12.75" customHeight="1" x14ac:dyDescent="0.15">
      <c r="N297" s="4"/>
      <c r="O297" s="4"/>
      <c r="P297" s="4"/>
      <c r="Q297" s="4"/>
      <c r="R297" s="4"/>
      <c r="S297" s="4"/>
    </row>
    <row r="298" spans="14:19" ht="12.75" customHeight="1" x14ac:dyDescent="0.15">
      <c r="N298" s="4"/>
      <c r="O298" s="4"/>
      <c r="P298" s="4"/>
      <c r="Q298" s="4"/>
      <c r="R298" s="4"/>
      <c r="S298" s="4"/>
    </row>
    <row r="299" spans="14:19" ht="12.75" customHeight="1" x14ac:dyDescent="0.15">
      <c r="N299" s="4"/>
      <c r="O299" s="4"/>
      <c r="P299" s="4"/>
      <c r="Q299" s="4"/>
      <c r="R299" s="4"/>
      <c r="S299" s="4"/>
    </row>
    <row r="300" spans="14:19" ht="12.75" customHeight="1" x14ac:dyDescent="0.15">
      <c r="N300" s="4"/>
      <c r="O300" s="4"/>
      <c r="P300" s="4"/>
      <c r="Q300" s="4"/>
      <c r="R300" s="4"/>
      <c r="S300" s="4"/>
    </row>
    <row r="301" spans="14:19" ht="12.75" customHeight="1" x14ac:dyDescent="0.15">
      <c r="N301" s="4"/>
      <c r="O301" s="4"/>
      <c r="P301" s="4"/>
      <c r="Q301" s="4"/>
      <c r="R301" s="4"/>
      <c r="S301" s="4"/>
    </row>
    <row r="302" spans="14:19" ht="12.75" customHeight="1" x14ac:dyDescent="0.15">
      <c r="N302" s="4"/>
      <c r="O302" s="4"/>
      <c r="P302" s="4"/>
      <c r="Q302" s="4"/>
      <c r="R302" s="4"/>
      <c r="S302" s="4"/>
    </row>
    <row r="303" spans="14:19" ht="12.75" customHeight="1" x14ac:dyDescent="0.15">
      <c r="N303" s="4"/>
      <c r="O303" s="4"/>
      <c r="P303" s="4"/>
      <c r="Q303" s="4"/>
      <c r="R303" s="4"/>
      <c r="S303" s="4"/>
    </row>
    <row r="304" spans="14:19" ht="12.75" customHeight="1" x14ac:dyDescent="0.15">
      <c r="N304" s="4"/>
      <c r="O304" s="4"/>
      <c r="P304" s="4"/>
      <c r="Q304" s="4"/>
      <c r="R304" s="4"/>
      <c r="S304" s="4"/>
    </row>
    <row r="305" spans="14:19" ht="12.75" customHeight="1" x14ac:dyDescent="0.15">
      <c r="N305" s="4"/>
      <c r="O305" s="4"/>
      <c r="P305" s="4"/>
      <c r="Q305" s="4"/>
      <c r="R305" s="4"/>
      <c r="S305" s="4"/>
    </row>
    <row r="306" spans="14:19" ht="12.75" customHeight="1" x14ac:dyDescent="0.15">
      <c r="N306" s="4"/>
      <c r="O306" s="4"/>
      <c r="P306" s="4"/>
      <c r="Q306" s="4"/>
      <c r="R306" s="4"/>
      <c r="S306" s="4"/>
    </row>
    <row r="307" spans="14:19" ht="12.75" customHeight="1" x14ac:dyDescent="0.15">
      <c r="N307" s="4"/>
      <c r="O307" s="4"/>
      <c r="P307" s="4"/>
      <c r="Q307" s="4"/>
      <c r="R307" s="4"/>
      <c r="S307" s="4"/>
    </row>
    <row r="308" spans="14:19" ht="12.75" customHeight="1" x14ac:dyDescent="0.15">
      <c r="N308" s="4"/>
      <c r="O308" s="4"/>
      <c r="P308" s="4"/>
      <c r="Q308" s="4"/>
      <c r="R308" s="4"/>
      <c r="S308" s="4"/>
    </row>
    <row r="309" spans="14:19" ht="12.75" customHeight="1" x14ac:dyDescent="0.15">
      <c r="N309" s="4"/>
      <c r="O309" s="4"/>
      <c r="P309" s="4"/>
      <c r="Q309" s="4"/>
      <c r="R309" s="4"/>
      <c r="S309" s="4"/>
    </row>
    <row r="310" spans="14:19" ht="12.75" customHeight="1" x14ac:dyDescent="0.15">
      <c r="N310" s="4"/>
      <c r="O310" s="4"/>
      <c r="P310" s="4"/>
      <c r="Q310" s="4"/>
      <c r="R310" s="4"/>
      <c r="S310" s="4"/>
    </row>
    <row r="311" spans="14:19" ht="12.75" customHeight="1" x14ac:dyDescent="0.15">
      <c r="N311" s="4"/>
      <c r="O311" s="4"/>
      <c r="P311" s="4"/>
      <c r="Q311" s="4"/>
      <c r="R311" s="4"/>
      <c r="S311" s="4"/>
    </row>
    <row r="312" spans="14:19" ht="12.75" customHeight="1" x14ac:dyDescent="0.15">
      <c r="N312" s="4"/>
      <c r="O312" s="4"/>
      <c r="P312" s="4"/>
      <c r="Q312" s="4"/>
      <c r="R312" s="4"/>
      <c r="S312" s="4"/>
    </row>
    <row r="313" spans="14:19" ht="12.75" customHeight="1" x14ac:dyDescent="0.15">
      <c r="N313" s="4"/>
      <c r="O313" s="4"/>
      <c r="P313" s="4"/>
      <c r="Q313" s="4"/>
      <c r="R313" s="4"/>
      <c r="S313" s="4"/>
    </row>
    <row r="314" spans="14:19" ht="12.75" customHeight="1" x14ac:dyDescent="0.15">
      <c r="N314" s="4"/>
      <c r="O314" s="4"/>
      <c r="P314" s="4"/>
      <c r="Q314" s="4"/>
      <c r="R314" s="4"/>
      <c r="S314" s="4"/>
    </row>
    <row r="315" spans="14:19" ht="12.75" customHeight="1" x14ac:dyDescent="0.15">
      <c r="N315" s="4"/>
      <c r="O315" s="4"/>
      <c r="P315" s="4"/>
      <c r="Q315" s="4"/>
      <c r="R315" s="4"/>
      <c r="S315" s="4"/>
    </row>
    <row r="316" spans="14:19" ht="12.75" customHeight="1" x14ac:dyDescent="0.15">
      <c r="N316" s="4"/>
      <c r="O316" s="4"/>
      <c r="P316" s="4"/>
      <c r="Q316" s="4"/>
      <c r="R316" s="4"/>
      <c r="S316" s="4"/>
    </row>
    <row r="317" spans="14:19" ht="12.75" customHeight="1" x14ac:dyDescent="0.15">
      <c r="N317" s="4"/>
      <c r="O317" s="4"/>
      <c r="P317" s="4"/>
      <c r="Q317" s="4"/>
      <c r="R317" s="4"/>
      <c r="S317" s="4"/>
    </row>
    <row r="318" spans="14:19" ht="12.75" customHeight="1" x14ac:dyDescent="0.15">
      <c r="N318" s="4"/>
      <c r="O318" s="4"/>
      <c r="P318" s="4"/>
      <c r="Q318" s="4"/>
      <c r="R318" s="4"/>
      <c r="S318" s="4"/>
    </row>
    <row r="319" spans="14:19" ht="12.75" customHeight="1" x14ac:dyDescent="0.15">
      <c r="N319" s="4"/>
      <c r="O319" s="4"/>
      <c r="P319" s="4"/>
      <c r="Q319" s="4"/>
      <c r="R319" s="4"/>
      <c r="S319" s="4"/>
    </row>
    <row r="320" spans="14:19" ht="12.75" customHeight="1" x14ac:dyDescent="0.15">
      <c r="N320" s="4"/>
      <c r="O320" s="4"/>
      <c r="P320" s="4"/>
      <c r="Q320" s="4"/>
      <c r="R320" s="4"/>
      <c r="S320" s="4"/>
    </row>
    <row r="321" spans="14:17" ht="12.75" customHeight="1" x14ac:dyDescent="0.15">
      <c r="N321" s="4"/>
      <c r="O321" s="4"/>
      <c r="P321" s="4"/>
      <c r="Q321" s="4"/>
    </row>
    <row r="322" spans="14:17" ht="12.75" customHeight="1" x14ac:dyDescent="0.15">
      <c r="N322" s="4"/>
      <c r="O322" s="4"/>
      <c r="P322" s="4"/>
      <c r="Q322" s="4"/>
    </row>
  </sheetData>
  <mergeCells count="27">
    <mergeCell ref="S5:S6"/>
    <mergeCell ref="Q4:Q6"/>
    <mergeCell ref="L5:L6"/>
    <mergeCell ref="A4:B6"/>
    <mergeCell ref="K4:P4"/>
    <mergeCell ref="D4:H4"/>
    <mergeCell ref="I4:I6"/>
    <mergeCell ref="E5:F5"/>
    <mergeCell ref="A2:B2"/>
    <mergeCell ref="A7:B7"/>
    <mergeCell ref="D5:D6"/>
    <mergeCell ref="G5:H5"/>
    <mergeCell ref="T4:T6"/>
    <mergeCell ref="M5:M6"/>
    <mergeCell ref="N5:N6"/>
    <mergeCell ref="R5:R6"/>
    <mergeCell ref="R4:S4"/>
    <mergeCell ref="J4:J6"/>
    <mergeCell ref="A1:J1"/>
    <mergeCell ref="K1:T1"/>
    <mergeCell ref="K5:K6"/>
    <mergeCell ref="C4:C6"/>
    <mergeCell ref="K2:M2"/>
    <mergeCell ref="G2:J2"/>
    <mergeCell ref="P5:P6"/>
    <mergeCell ref="O5:O6"/>
    <mergeCell ref="A3:B3"/>
  </mergeCells>
  <phoneticPr fontId="3"/>
  <printOptions horizontalCentered="1"/>
  <pageMargins left="0.31496062992125984" right="0.31496062992125984" top="0.59055118110236227" bottom="0.31496062992125984" header="0.51181102362204722" footer="0.51181102362204722"/>
  <pageSetup paperSize="9" pageOrder="overThenDown" orientation="portrait" r:id="rId1"/>
  <headerFooter alignWithMargins="0"/>
  <rowBreaks count="1" manualBreakCount="1">
    <brk id="133" max="19" man="1"/>
  </rowBreaks>
  <colBreaks count="1" manualBreakCount="1">
    <brk id="10" max="19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2表</vt:lpstr>
      <vt:lpstr>第2表!Print_Area</vt:lpstr>
      <vt:lpstr>第2表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dcterms:created xsi:type="dcterms:W3CDTF">2021-09-30T03:02:08Z</dcterms:created>
  <dcterms:modified xsi:type="dcterms:W3CDTF">2021-09-30T03:02:38Z</dcterms:modified>
</cp:coreProperties>
</file>